
<file path=[Content_Types].xml><?xml version="1.0" encoding="utf-8"?>
<Types xmlns="http://schemas.openxmlformats.org/package/2006/content-types">
  <Default Extension="bin" ContentType="application/vnd.openxmlformats-officedocument.oleObject"/>
  <Default Extension="emf" ContentType="image/x-emf"/>
  <Default Extension="jpeg" ContentType="image/jpeg"/>
  <Default Extension="jpg" ContentType="image/jpeg"/>
  <Default Extension="png" ContentType="image/png"/>
  <Default Extension="rels" ContentType="application/vnd.openxmlformats-package.relationships+xml"/>
  <Default Extension="vml" ContentType="application/vnd.openxmlformats-officedocument.vmlDrawing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strictFirstAndLastChars="0" saveSubsetFonts="1">
  <p:sldMasterIdLst>
    <p:sldMasterId id="2147483648" r:id="rId1"/>
  </p:sldMasterIdLst>
  <p:notesMasterIdLst>
    <p:notesMasterId r:id="rId33"/>
  </p:notesMasterIdLst>
  <p:sldIdLst>
    <p:sldId id="256" r:id="rId2"/>
    <p:sldId id="408" r:id="rId3"/>
    <p:sldId id="426" r:id="rId4"/>
    <p:sldId id="452" r:id="rId5"/>
    <p:sldId id="456" r:id="rId6"/>
    <p:sldId id="453" r:id="rId7"/>
    <p:sldId id="454" r:id="rId8"/>
    <p:sldId id="423" r:id="rId9"/>
    <p:sldId id="425" r:id="rId10"/>
    <p:sldId id="455" r:id="rId11"/>
    <p:sldId id="446" r:id="rId12"/>
    <p:sldId id="442" r:id="rId13"/>
    <p:sldId id="447" r:id="rId14"/>
    <p:sldId id="448" r:id="rId15"/>
    <p:sldId id="449" r:id="rId16"/>
    <p:sldId id="450" r:id="rId17"/>
    <p:sldId id="419" r:id="rId18"/>
    <p:sldId id="461" r:id="rId19"/>
    <p:sldId id="451" r:id="rId20"/>
    <p:sldId id="420" r:id="rId21"/>
    <p:sldId id="462" r:id="rId22"/>
    <p:sldId id="464" r:id="rId23"/>
    <p:sldId id="440" r:id="rId24"/>
    <p:sldId id="459" r:id="rId25"/>
    <p:sldId id="458" r:id="rId26"/>
    <p:sldId id="460" r:id="rId27"/>
    <p:sldId id="439" r:id="rId28"/>
    <p:sldId id="330" r:id="rId29"/>
    <p:sldId id="409" r:id="rId30"/>
    <p:sldId id="463" r:id="rId31"/>
    <p:sldId id="445" r:id="rId32"/>
  </p:sldIdLst>
  <p:sldSz cx="9144000" cy="6858000" type="screen4x3"/>
  <p:notesSz cx="6858000" cy="9658350"/>
  <p:defaultTextStyle>
    <a:defPPr>
      <a:defRPr lang="lv-LV"/>
    </a:defPPr>
    <a:lvl1pPr algn="ctr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1pPr>
    <a:lvl2pPr marL="457200" algn="ctr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2pPr>
    <a:lvl3pPr marL="914400" algn="ctr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3pPr>
    <a:lvl4pPr marL="1371600" algn="ctr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4pPr>
    <a:lvl5pPr marL="1828800" algn="ctr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itchFamily="18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00FF"/>
    <a:srgbClr val="CC009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32787"/>
    <p:restoredTop sz="90929"/>
  </p:normalViewPr>
  <p:slideViewPr>
    <p:cSldViewPr>
      <p:cViewPr varScale="1">
        <p:scale>
          <a:sx n="78" d="100"/>
          <a:sy n="78" d="100"/>
        </p:scale>
        <p:origin x="230" y="67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 varScale="1">
      <p:scale>
        <a:sx n="1" d="1"/>
        <a:sy n="1" d="1"/>
      </p:scale>
      <p:origin x="0" y="-4622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viewProps" Target="viewProps.xml"/></Relationships>
</file>

<file path=ppt/drawings/_rels/vmlDrawing1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1.wmf"/></Relationships>
</file>

<file path=ppt/drawings/_rels/vmlDrawing10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11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12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13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14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15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16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17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18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19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2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20.vml.rels><?xml version="1.0" encoding="UTF-8" standalone="yes"?>
<Relationships xmlns="http://schemas.openxmlformats.org/package/2006/relationships"><Relationship Id="rId2" Type="http://schemas.openxmlformats.org/officeDocument/2006/relationships/image" Target="../media/image16.emf"/><Relationship Id="rId1" Type="http://schemas.openxmlformats.org/officeDocument/2006/relationships/image" Target="../media/image3.wmf"/></Relationships>
</file>

<file path=ppt/drawings/_rels/vmlDrawing21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22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23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3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4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5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6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7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8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drawings/_rels/vmlDrawing9.vml.rels><?xml version="1.0" encoding="UTF-8" standalone="yes"?>
<Relationships xmlns="http://schemas.openxmlformats.org/package/2006/relationships"><Relationship Id="rId2" Type="http://schemas.openxmlformats.org/officeDocument/2006/relationships/image" Target="../media/image2.emf"/><Relationship Id="rId1" Type="http://schemas.openxmlformats.org/officeDocument/2006/relationships/image" Target="../media/image3.w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Galvenes vietturis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826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lv-LV"/>
          </a:p>
        </p:txBody>
      </p:sp>
      <p:sp>
        <p:nvSpPr>
          <p:cNvPr id="3" name="Datuma vietturis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826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7C2172BD-D060-4739-BCC6-CD8530555992}" type="datetimeFigureOut">
              <a:rPr lang="lv-LV" smtClean="0"/>
              <a:t>2020.03.26.</a:t>
            </a:fld>
            <a:endParaRPr lang="lv-LV"/>
          </a:p>
        </p:txBody>
      </p:sp>
      <p:sp>
        <p:nvSpPr>
          <p:cNvPr id="4" name="Slaida attēla vietturis 3"/>
          <p:cNvSpPr>
            <a:spLocks noGrp="1" noRot="1" noChangeAspect="1"/>
          </p:cNvSpPr>
          <p:nvPr>
            <p:ph type="sldImg" idx="2"/>
          </p:nvPr>
        </p:nvSpPr>
        <p:spPr>
          <a:xfrm>
            <a:off x="1014413" y="723900"/>
            <a:ext cx="4829175" cy="3622675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lv-LV"/>
          </a:p>
        </p:txBody>
      </p:sp>
      <p:sp>
        <p:nvSpPr>
          <p:cNvPr id="5" name="Piezīmju vietturis 4"/>
          <p:cNvSpPr>
            <a:spLocks noGrp="1"/>
          </p:cNvSpPr>
          <p:nvPr>
            <p:ph type="body" sz="quarter" idx="3"/>
          </p:nvPr>
        </p:nvSpPr>
        <p:spPr>
          <a:xfrm>
            <a:off x="685800" y="4587875"/>
            <a:ext cx="5486400" cy="4346575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lv-LV"/>
              <a:t>Rediģēt šablona teksta stilus</a:t>
            </a:r>
          </a:p>
          <a:p>
            <a:pPr lvl="1"/>
            <a:r>
              <a:rPr lang="lv-LV"/>
              <a:t>Otrais līmenis</a:t>
            </a:r>
          </a:p>
          <a:p>
            <a:pPr lvl="2"/>
            <a:r>
              <a:rPr lang="lv-LV"/>
              <a:t>Trešais līmenis</a:t>
            </a:r>
          </a:p>
          <a:p>
            <a:pPr lvl="3"/>
            <a:r>
              <a:rPr lang="lv-LV"/>
              <a:t>Ceturtais līmenis</a:t>
            </a:r>
          </a:p>
          <a:p>
            <a:pPr lvl="4"/>
            <a:r>
              <a:rPr lang="lv-LV"/>
              <a:t>Piektais līmenis</a:t>
            </a:r>
          </a:p>
        </p:txBody>
      </p:sp>
      <p:sp>
        <p:nvSpPr>
          <p:cNvPr id="6" name="Kājenes vietturis 5"/>
          <p:cNvSpPr>
            <a:spLocks noGrp="1"/>
          </p:cNvSpPr>
          <p:nvPr>
            <p:ph type="ftr" sz="quarter" idx="4"/>
          </p:nvPr>
        </p:nvSpPr>
        <p:spPr>
          <a:xfrm>
            <a:off x="0" y="9174163"/>
            <a:ext cx="2971800" cy="4826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lv-LV"/>
          </a:p>
        </p:txBody>
      </p:sp>
      <p:sp>
        <p:nvSpPr>
          <p:cNvPr id="7" name="Slaida numura vietturis 6"/>
          <p:cNvSpPr>
            <a:spLocks noGrp="1"/>
          </p:cNvSpPr>
          <p:nvPr>
            <p:ph type="sldNum" sz="quarter" idx="5"/>
          </p:nvPr>
        </p:nvSpPr>
        <p:spPr>
          <a:xfrm>
            <a:off x="3884613" y="9174163"/>
            <a:ext cx="2971800" cy="4826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FCAF8BD-A0C7-4250-81C2-D5251C657F0E}" type="slidenum">
              <a:rPr lang="lv-LV" smtClean="0"/>
              <a:t>‹#›</a:t>
            </a:fld>
            <a:endParaRPr lang="lv-LV"/>
          </a:p>
        </p:txBody>
      </p:sp>
    </p:spTree>
    <p:extLst>
      <p:ext uri="{BB962C8B-B14F-4D97-AF65-F5344CB8AC3E}">
        <p14:creationId xmlns:p14="http://schemas.microsoft.com/office/powerpoint/2010/main" val="287209126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attēla vietturi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Piezīmju vietturi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lv-LV" dirty="0"/>
          </a:p>
        </p:txBody>
      </p:sp>
      <p:sp>
        <p:nvSpPr>
          <p:cNvPr id="4" name="Slaida numura vietturis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FCAF8BD-A0C7-4250-81C2-D5251C657F0E}" type="slidenum">
              <a:rPr lang="lv-LV" smtClean="0"/>
              <a:t>2</a:t>
            </a:fld>
            <a:endParaRPr lang="lv-LV"/>
          </a:p>
        </p:txBody>
      </p:sp>
    </p:spTree>
    <p:extLst>
      <p:ext uri="{BB962C8B-B14F-4D97-AF65-F5344CB8AC3E}">
        <p14:creationId xmlns:p14="http://schemas.microsoft.com/office/powerpoint/2010/main" val="339463353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attēla vietturi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Piezīmju vietturi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lv-LV" dirty="0"/>
          </a:p>
        </p:txBody>
      </p:sp>
      <p:sp>
        <p:nvSpPr>
          <p:cNvPr id="4" name="Slaida numura vietturis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FCAF8BD-A0C7-4250-81C2-D5251C657F0E}" type="slidenum">
              <a:rPr lang="lv-LV" smtClean="0"/>
              <a:t>4</a:t>
            </a:fld>
            <a:endParaRPr lang="lv-LV"/>
          </a:p>
        </p:txBody>
      </p:sp>
    </p:spTree>
    <p:extLst>
      <p:ext uri="{BB962C8B-B14F-4D97-AF65-F5344CB8AC3E}">
        <p14:creationId xmlns:p14="http://schemas.microsoft.com/office/powerpoint/2010/main" val="286721347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attēla vietturi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Piezīmju vietturi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lv-LV" dirty="0"/>
          </a:p>
        </p:txBody>
      </p:sp>
      <p:sp>
        <p:nvSpPr>
          <p:cNvPr id="4" name="Slaida numura vietturis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FCAF8BD-A0C7-4250-81C2-D5251C657F0E}" type="slidenum">
              <a:rPr lang="lv-LV" smtClean="0"/>
              <a:t>5</a:t>
            </a:fld>
            <a:endParaRPr lang="lv-LV"/>
          </a:p>
        </p:txBody>
      </p:sp>
    </p:spTree>
    <p:extLst>
      <p:ext uri="{BB962C8B-B14F-4D97-AF65-F5344CB8AC3E}">
        <p14:creationId xmlns:p14="http://schemas.microsoft.com/office/powerpoint/2010/main" val="265901607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attēla vietturi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Piezīmju vietturi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lv-LV" dirty="0"/>
          </a:p>
        </p:txBody>
      </p:sp>
      <p:sp>
        <p:nvSpPr>
          <p:cNvPr id="4" name="Slaida numura vietturis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FCAF8BD-A0C7-4250-81C2-D5251C657F0E}" type="slidenum">
              <a:rPr lang="lv-LV" smtClean="0"/>
              <a:t>6</a:t>
            </a:fld>
            <a:endParaRPr lang="lv-LV"/>
          </a:p>
        </p:txBody>
      </p:sp>
    </p:spTree>
    <p:extLst>
      <p:ext uri="{BB962C8B-B14F-4D97-AF65-F5344CB8AC3E}">
        <p14:creationId xmlns:p14="http://schemas.microsoft.com/office/powerpoint/2010/main" val="154667914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attēla vietturi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Piezīmju vietturi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lv-LV" dirty="0"/>
          </a:p>
        </p:txBody>
      </p:sp>
      <p:sp>
        <p:nvSpPr>
          <p:cNvPr id="4" name="Slaida numura vietturis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FCAF8BD-A0C7-4250-81C2-D5251C657F0E}" type="slidenum">
              <a:rPr lang="lv-LV" smtClean="0"/>
              <a:t>7</a:t>
            </a:fld>
            <a:endParaRPr lang="lv-LV"/>
          </a:p>
        </p:txBody>
      </p:sp>
    </p:spTree>
    <p:extLst>
      <p:ext uri="{BB962C8B-B14F-4D97-AF65-F5344CB8AC3E}">
        <p14:creationId xmlns:p14="http://schemas.microsoft.com/office/powerpoint/2010/main" val="59459572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60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ln>
            <a:miter lim="800000"/>
            <a:headEnd/>
            <a:tailEnd/>
          </a:ln>
        </p:spPr>
        <p:txBody>
          <a:bodyPr/>
          <a:lstStyle/>
          <a:p>
            <a:fld id="{AABE3A09-FCA2-407D-8393-5B35B082E9BA}" type="slidenum">
              <a:rPr lang="en-GB" altLang="lv-LV" smtClean="0">
                <a:latin typeface="Arial" charset="0"/>
                <a:ea typeface="ＭＳ Ｐゴシック" pitchFamily="34" charset="-128"/>
              </a:rPr>
              <a:pPr/>
              <a:t>8</a:t>
            </a:fld>
            <a:endParaRPr lang="en-GB" altLang="lv-LV">
              <a:latin typeface="Arial" charset="0"/>
              <a:ea typeface="ＭＳ Ｐゴシック" pitchFamily="34" charset="-128"/>
            </a:endParaRPr>
          </a:p>
        </p:txBody>
      </p:sp>
      <p:sp>
        <p:nvSpPr>
          <p:cNvPr id="860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6020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66751" y="4916370"/>
            <a:ext cx="5332413" cy="4658141"/>
          </a:xfrm>
          <a:noFill/>
        </p:spPr>
        <p:txBody>
          <a:bodyPr/>
          <a:lstStyle/>
          <a:p>
            <a:pPr eaLnBrk="1" hangingPunct="1"/>
            <a:endParaRPr lang="lv-LV" altLang="lv-LV" dirty="0">
              <a:latin typeface="Arial" charset="0"/>
              <a:ea typeface="ＭＳ Ｐゴシック" pitchFamily="34" charset="-128"/>
            </a:endParaRPr>
          </a:p>
        </p:txBody>
      </p:sp>
    </p:spTree>
    <p:extLst>
      <p:ext uri="{BB962C8B-B14F-4D97-AF65-F5344CB8AC3E}">
        <p14:creationId xmlns:p14="http://schemas.microsoft.com/office/powerpoint/2010/main" val="724187021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attēla vietturi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Piezīmju vietturi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lv-LV" dirty="0"/>
          </a:p>
        </p:txBody>
      </p:sp>
      <p:sp>
        <p:nvSpPr>
          <p:cNvPr id="4" name="Slaida numura vietturis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FCAF8BD-A0C7-4250-81C2-D5251C657F0E}" type="slidenum">
              <a:rPr lang="lv-LV" smtClean="0"/>
              <a:t>10</a:t>
            </a:fld>
            <a:endParaRPr lang="lv-LV"/>
          </a:p>
        </p:txBody>
      </p:sp>
    </p:spTree>
    <p:extLst>
      <p:ext uri="{BB962C8B-B14F-4D97-AF65-F5344CB8AC3E}">
        <p14:creationId xmlns:p14="http://schemas.microsoft.com/office/powerpoint/2010/main" val="281456333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attēla vietturi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Piezīmju vietturi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lv-LV" dirty="0"/>
          </a:p>
        </p:txBody>
      </p:sp>
      <p:sp>
        <p:nvSpPr>
          <p:cNvPr id="4" name="Slaida numura vietturis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FCAF8BD-A0C7-4250-81C2-D5251C657F0E}" type="slidenum">
              <a:rPr lang="lv-LV" smtClean="0"/>
              <a:t>14</a:t>
            </a:fld>
            <a:endParaRPr lang="lv-LV"/>
          </a:p>
        </p:txBody>
      </p:sp>
    </p:spTree>
    <p:extLst>
      <p:ext uri="{BB962C8B-B14F-4D97-AF65-F5344CB8AC3E}">
        <p14:creationId xmlns:p14="http://schemas.microsoft.com/office/powerpoint/2010/main" val="373276232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attēla vietturis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Piezīmju vietturis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lv-LV" dirty="0"/>
          </a:p>
        </p:txBody>
      </p:sp>
      <p:sp>
        <p:nvSpPr>
          <p:cNvPr id="4" name="Slaida numura vietturis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7FCAF8BD-A0C7-4250-81C2-D5251C657F0E}" type="slidenum">
              <a:rPr lang="lv-LV" smtClean="0"/>
              <a:t>21</a:t>
            </a:fld>
            <a:endParaRPr lang="lv-LV"/>
          </a:p>
        </p:txBody>
      </p:sp>
    </p:spTree>
    <p:extLst>
      <p:ext uri="{BB962C8B-B14F-4D97-AF65-F5344CB8AC3E}">
        <p14:creationId xmlns:p14="http://schemas.microsoft.com/office/powerpoint/2010/main" val="186647946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Virsraksta slaid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irsraksts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lv-LV"/>
              <a:t>Rediģēt šablona virsraksta stilu</a:t>
            </a:r>
          </a:p>
        </p:txBody>
      </p:sp>
      <p:sp>
        <p:nvSpPr>
          <p:cNvPr id="3" name="Apakšvirsraksts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lv-LV"/>
              <a:t>Rediģēt šablona apakšvirsraksta stilu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D3FBB65-3C29-4FF6-B3B6-AFAED49AA1FB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64591668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Virsraksts un vertikāls teks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irsraksts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lv-LV"/>
              <a:t>Rediģēt šablona virsraksta stilu</a:t>
            </a:r>
          </a:p>
        </p:txBody>
      </p:sp>
      <p:sp>
        <p:nvSpPr>
          <p:cNvPr id="3" name="Vertikāls teksta vietturis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lv-LV"/>
              <a:t>Rediģēt šablona teksta stilus</a:t>
            </a:r>
          </a:p>
          <a:p>
            <a:pPr lvl="1"/>
            <a:r>
              <a:rPr lang="lv-LV"/>
              <a:t>Otrais līmenis</a:t>
            </a:r>
          </a:p>
          <a:p>
            <a:pPr lvl="2"/>
            <a:r>
              <a:rPr lang="lv-LV"/>
              <a:t>Trešais līmenis</a:t>
            </a:r>
          </a:p>
          <a:p>
            <a:pPr lvl="3"/>
            <a:r>
              <a:rPr lang="lv-LV"/>
              <a:t>Ceturtais līmenis</a:t>
            </a:r>
          </a:p>
          <a:p>
            <a:pPr lvl="4"/>
            <a:r>
              <a:rPr lang="lv-LV"/>
              <a:t>Piektais līmenis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68FE830-ADEF-42B2-B099-B418A814A2CE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339696906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kāls virsraksts un teks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kāls virsraksts 1"/>
          <p:cNvSpPr>
            <a:spLocks noGrp="1"/>
          </p:cNvSpPr>
          <p:nvPr>
            <p:ph type="title" orient="vert"/>
          </p:nvPr>
        </p:nvSpPr>
        <p:spPr>
          <a:xfrm>
            <a:off x="6515100" y="609600"/>
            <a:ext cx="1943100" cy="5486400"/>
          </a:xfrm>
        </p:spPr>
        <p:txBody>
          <a:bodyPr vert="eaVert"/>
          <a:lstStyle/>
          <a:p>
            <a:r>
              <a:rPr lang="lv-LV"/>
              <a:t>Rediģēt šablona virsraksta stilu</a:t>
            </a:r>
          </a:p>
        </p:txBody>
      </p:sp>
      <p:sp>
        <p:nvSpPr>
          <p:cNvPr id="3" name="Vertikāls teksta vietturis 2"/>
          <p:cNvSpPr>
            <a:spLocks noGrp="1"/>
          </p:cNvSpPr>
          <p:nvPr>
            <p:ph type="body" orient="vert" idx="1"/>
          </p:nvPr>
        </p:nvSpPr>
        <p:spPr>
          <a:xfrm>
            <a:off x="685800" y="609600"/>
            <a:ext cx="5676900" cy="5486400"/>
          </a:xfrm>
        </p:spPr>
        <p:txBody>
          <a:bodyPr vert="eaVert"/>
          <a:lstStyle/>
          <a:p>
            <a:pPr lvl="0"/>
            <a:r>
              <a:rPr lang="lv-LV"/>
              <a:t>Rediģēt šablona teksta stilus</a:t>
            </a:r>
          </a:p>
          <a:p>
            <a:pPr lvl="1"/>
            <a:r>
              <a:rPr lang="lv-LV"/>
              <a:t>Otrais līmenis</a:t>
            </a:r>
          </a:p>
          <a:p>
            <a:pPr lvl="2"/>
            <a:r>
              <a:rPr lang="lv-LV"/>
              <a:t>Trešais līmenis</a:t>
            </a:r>
          </a:p>
          <a:p>
            <a:pPr lvl="3"/>
            <a:r>
              <a:rPr lang="lv-LV"/>
              <a:t>Ceturtais līmenis</a:t>
            </a:r>
          </a:p>
          <a:p>
            <a:pPr lvl="4"/>
            <a:r>
              <a:rPr lang="lv-LV"/>
              <a:t>Piektais līmenis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2E049A0-10D6-4FC8-9ABE-7B37ED64AB8D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12721602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Virsraksts un satur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irsraksts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lv-LV"/>
              <a:t>Rediģēt šablona virsraksta stilu</a:t>
            </a:r>
          </a:p>
        </p:txBody>
      </p:sp>
      <p:sp>
        <p:nvSpPr>
          <p:cNvPr id="3" name="Satura vietturis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lv-LV"/>
              <a:t>Rediģēt šablona teksta stilus</a:t>
            </a:r>
          </a:p>
          <a:p>
            <a:pPr lvl="1"/>
            <a:r>
              <a:rPr lang="lv-LV"/>
              <a:t>Otrais līmenis</a:t>
            </a:r>
          </a:p>
          <a:p>
            <a:pPr lvl="2"/>
            <a:r>
              <a:rPr lang="lv-LV"/>
              <a:t>Trešais līmenis</a:t>
            </a:r>
          </a:p>
          <a:p>
            <a:pPr lvl="3"/>
            <a:r>
              <a:rPr lang="lv-LV"/>
              <a:t>Ceturtais līmenis</a:t>
            </a:r>
          </a:p>
          <a:p>
            <a:pPr lvl="4"/>
            <a:r>
              <a:rPr lang="lv-LV"/>
              <a:t>Piektais līmenis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308B6E9-7248-481D-AEED-2832FA8160B5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221388614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adaļas galve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irsraksts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lv-LV"/>
              <a:t>Rediģēt šablona virsraksta stilu</a:t>
            </a:r>
          </a:p>
        </p:txBody>
      </p:sp>
      <p:sp>
        <p:nvSpPr>
          <p:cNvPr id="3" name="Teksta vietturis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lv-LV"/>
              <a:t>Rediģēt šablona teksta stilus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D9FA45F-F28D-45CD-A773-EC413C6FC5D8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221395036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ivi saturi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irsraksts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lv-LV"/>
              <a:t>Rediģēt šablona virsraksta stilu</a:t>
            </a:r>
          </a:p>
        </p:txBody>
      </p:sp>
      <p:sp>
        <p:nvSpPr>
          <p:cNvPr id="3" name="Satura vietturis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lv-LV"/>
              <a:t>Rediģēt šablona teksta stilus</a:t>
            </a:r>
          </a:p>
          <a:p>
            <a:pPr lvl="1"/>
            <a:r>
              <a:rPr lang="lv-LV"/>
              <a:t>Otrais līmenis</a:t>
            </a:r>
          </a:p>
          <a:p>
            <a:pPr lvl="2"/>
            <a:r>
              <a:rPr lang="lv-LV"/>
              <a:t>Trešais līmenis</a:t>
            </a:r>
          </a:p>
          <a:p>
            <a:pPr lvl="3"/>
            <a:r>
              <a:rPr lang="lv-LV"/>
              <a:t>Ceturtais līmenis</a:t>
            </a:r>
          </a:p>
          <a:p>
            <a:pPr lvl="4"/>
            <a:r>
              <a:rPr lang="lv-LV"/>
              <a:t>Piektais līmenis</a:t>
            </a:r>
          </a:p>
        </p:txBody>
      </p:sp>
      <p:sp>
        <p:nvSpPr>
          <p:cNvPr id="4" name="Satura vietturis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lv-LV"/>
              <a:t>Rediģēt šablona teksta stilus</a:t>
            </a:r>
          </a:p>
          <a:p>
            <a:pPr lvl="1"/>
            <a:r>
              <a:rPr lang="lv-LV"/>
              <a:t>Otrais līmenis</a:t>
            </a:r>
          </a:p>
          <a:p>
            <a:pPr lvl="2"/>
            <a:r>
              <a:rPr lang="lv-LV"/>
              <a:t>Trešais līmenis</a:t>
            </a:r>
          </a:p>
          <a:p>
            <a:pPr lvl="3"/>
            <a:r>
              <a:rPr lang="lv-LV"/>
              <a:t>Ceturtais līmenis</a:t>
            </a:r>
          </a:p>
          <a:p>
            <a:pPr lvl="4"/>
            <a:r>
              <a:rPr lang="lv-LV"/>
              <a:t>Piektais līmenis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41A7886-4D92-4A7E-A637-761CF4D756CA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114119887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Salīdzinājum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irsraksts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lv-LV"/>
              <a:t>Rediģēt šablona virsraksta stilu</a:t>
            </a:r>
          </a:p>
        </p:txBody>
      </p:sp>
      <p:sp>
        <p:nvSpPr>
          <p:cNvPr id="3" name="Teksta vietturis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lv-LV"/>
              <a:t>Rediģēt šablona teksta stilus</a:t>
            </a:r>
          </a:p>
        </p:txBody>
      </p:sp>
      <p:sp>
        <p:nvSpPr>
          <p:cNvPr id="4" name="Satura vietturis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lv-LV"/>
              <a:t>Rediģēt šablona teksta stilus</a:t>
            </a:r>
          </a:p>
          <a:p>
            <a:pPr lvl="1"/>
            <a:r>
              <a:rPr lang="lv-LV"/>
              <a:t>Otrais līmenis</a:t>
            </a:r>
          </a:p>
          <a:p>
            <a:pPr lvl="2"/>
            <a:r>
              <a:rPr lang="lv-LV"/>
              <a:t>Trešais līmenis</a:t>
            </a:r>
          </a:p>
          <a:p>
            <a:pPr lvl="3"/>
            <a:r>
              <a:rPr lang="lv-LV"/>
              <a:t>Ceturtais līmenis</a:t>
            </a:r>
          </a:p>
          <a:p>
            <a:pPr lvl="4"/>
            <a:r>
              <a:rPr lang="lv-LV"/>
              <a:t>Piektais līmenis</a:t>
            </a:r>
          </a:p>
        </p:txBody>
      </p:sp>
      <p:sp>
        <p:nvSpPr>
          <p:cNvPr id="5" name="Teksta vietturis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lv-LV"/>
              <a:t>Rediģēt šablona teksta stilus</a:t>
            </a:r>
          </a:p>
        </p:txBody>
      </p:sp>
      <p:sp>
        <p:nvSpPr>
          <p:cNvPr id="6" name="Satura vietturis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lv-LV"/>
              <a:t>Rediģēt šablona teksta stilus</a:t>
            </a:r>
          </a:p>
          <a:p>
            <a:pPr lvl="1"/>
            <a:r>
              <a:rPr lang="lv-LV"/>
              <a:t>Otrais līmenis</a:t>
            </a:r>
          </a:p>
          <a:p>
            <a:pPr lvl="2"/>
            <a:r>
              <a:rPr lang="lv-LV"/>
              <a:t>Trešais līmenis</a:t>
            </a:r>
          </a:p>
          <a:p>
            <a:pPr lvl="3"/>
            <a:r>
              <a:rPr lang="lv-LV"/>
              <a:t>Ceturtais līmenis</a:t>
            </a:r>
          </a:p>
          <a:p>
            <a:pPr lvl="4"/>
            <a:r>
              <a:rPr lang="lv-LV"/>
              <a:t>Piektais līmenis</a:t>
            </a:r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C02ABA9-FD9F-425E-96D7-8FD228E1A3D9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316831316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kai virsraks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irsraksts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lv-LV"/>
              <a:t>Rediģēt šablona virsraksta stilu</a:t>
            </a:r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3A433312-5DC4-41E9-8E99-D8EBA2486370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321012309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Tukš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6C211C14-DBFE-4749-A32C-5BAFE36B542C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402786973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Saturs ar parakst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irsraksts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lv-LV"/>
              <a:t>Rediģēt šablona virsraksta stilu</a:t>
            </a:r>
          </a:p>
        </p:txBody>
      </p:sp>
      <p:sp>
        <p:nvSpPr>
          <p:cNvPr id="3" name="Satura vietturis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lv-LV"/>
              <a:t>Rediģēt šablona teksta stilus</a:t>
            </a:r>
          </a:p>
          <a:p>
            <a:pPr lvl="1"/>
            <a:r>
              <a:rPr lang="lv-LV"/>
              <a:t>Otrais līmenis</a:t>
            </a:r>
          </a:p>
          <a:p>
            <a:pPr lvl="2"/>
            <a:r>
              <a:rPr lang="lv-LV"/>
              <a:t>Trešais līmenis</a:t>
            </a:r>
          </a:p>
          <a:p>
            <a:pPr lvl="3"/>
            <a:r>
              <a:rPr lang="lv-LV"/>
              <a:t>Ceturtais līmenis</a:t>
            </a:r>
          </a:p>
          <a:p>
            <a:pPr lvl="4"/>
            <a:r>
              <a:rPr lang="lv-LV"/>
              <a:t>Piektais līmenis</a:t>
            </a:r>
          </a:p>
        </p:txBody>
      </p:sp>
      <p:sp>
        <p:nvSpPr>
          <p:cNvPr id="4" name="Teksta vietturis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lv-LV"/>
              <a:t>Rediģēt šablona teksta stilus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C1F6AF5-6F0A-4FE7-9640-60AC3D62F347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220900767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Attēls ar parakst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irsraksts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lv-LV"/>
              <a:t>Rediģēt šablona virsraksta stilu</a:t>
            </a:r>
          </a:p>
        </p:txBody>
      </p:sp>
      <p:sp>
        <p:nvSpPr>
          <p:cNvPr id="3" name="Attēla vietturis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lv-LV" noProof="0"/>
          </a:p>
        </p:txBody>
      </p:sp>
      <p:sp>
        <p:nvSpPr>
          <p:cNvPr id="4" name="Teksta vietturis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lv-LV"/>
              <a:t>Rediģēt šablona teksta stilus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72C980E3-FE0D-4E00-AEEE-BC0BAA9F2031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398894256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609600"/>
            <a:ext cx="7772400" cy="1143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lv-LV" altLang="lv-LV"/>
              <a:t>Click to edit Master title style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lv-LV" altLang="lv-LV"/>
              <a:t>Click to edit Master text styles</a:t>
            </a:r>
          </a:p>
          <a:p>
            <a:pPr lvl="1"/>
            <a:r>
              <a:rPr lang="lv-LV" altLang="lv-LV"/>
              <a:t>Second level</a:t>
            </a:r>
          </a:p>
          <a:p>
            <a:pPr lvl="2"/>
            <a:r>
              <a:rPr lang="lv-LV" altLang="lv-LV"/>
              <a:t>Third level</a:t>
            </a:r>
          </a:p>
          <a:p>
            <a:pPr lvl="3"/>
            <a:r>
              <a:rPr lang="lv-LV" altLang="lv-LV"/>
              <a:t>Fourth level</a:t>
            </a:r>
          </a:p>
          <a:p>
            <a:pPr lvl="4"/>
            <a:r>
              <a:rPr lang="lv-LV" altLang="lv-LV"/>
              <a:t>Fifth level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l">
              <a:defRPr sz="1400"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/>
            </a:lvl1pPr>
          </a:lstStyle>
          <a:p>
            <a:pPr>
              <a:defRPr/>
            </a:pPr>
            <a:endParaRPr lang="lv-LV" altLang="lv-LV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6735A67C-C5A0-4D05-9887-4EA4EE450112}" type="slidenum">
              <a:rPr lang="lv-LV" altLang="lv-LV"/>
              <a:pPr>
                <a:defRPr/>
              </a:pPr>
              <a:t>‹#›</a:t>
            </a:fld>
            <a:endParaRPr lang="lv-LV" altLang="lv-LV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hf hdr="0" ftr="0" dt="0"/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pitchFamily="18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9pPr>
    </p:bodyStyle>
    <p:otherStyle>
      <a:defPPr>
        <a:defRPr lang="lv-LV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1.bin"/><Relationship Id="rId2" Type="http://schemas.openxmlformats.org/officeDocument/2006/relationships/slideLayout" Target="../slideLayouts/slideLayout1.xml"/><Relationship Id="rId1" Type="http://schemas.openxmlformats.org/officeDocument/2006/relationships/vmlDrawing" Target="../drawings/vmlDrawing1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2.bin"/><Relationship Id="rId4" Type="http://schemas.openxmlformats.org/officeDocument/2006/relationships/image" Target="../media/image1.wmf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pe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7.bin"/><Relationship Id="rId7" Type="http://schemas.openxmlformats.org/officeDocument/2006/relationships/image" Target="../media/image11.png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8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8.bin"/><Relationship Id="rId4" Type="http://schemas.openxmlformats.org/officeDocument/2006/relationships/image" Target="../media/image3.wmf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9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9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10.bin"/><Relationship Id="rId4" Type="http://schemas.openxmlformats.org/officeDocument/2006/relationships/image" Target="../media/image3.wmf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9.bin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10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10.bin"/><Relationship Id="rId4" Type="http://schemas.openxmlformats.org/officeDocument/2006/relationships/image" Target="../media/image3.wmf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7" Type="http://schemas.openxmlformats.org/officeDocument/2006/relationships/image" Target="../media/image2.emf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11.vml"/><Relationship Id="rId6" Type="http://schemas.openxmlformats.org/officeDocument/2006/relationships/oleObject" Target="../embeddings/oleObject10.bin"/><Relationship Id="rId5" Type="http://schemas.openxmlformats.org/officeDocument/2006/relationships/image" Target="../media/image3.wmf"/><Relationship Id="rId4" Type="http://schemas.openxmlformats.org/officeDocument/2006/relationships/oleObject" Target="../embeddings/oleObject9.bin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11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12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12.bin"/><Relationship Id="rId4" Type="http://schemas.openxmlformats.org/officeDocument/2006/relationships/image" Target="../media/image3.wmf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13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13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14.bin"/><Relationship Id="rId4" Type="http://schemas.openxmlformats.org/officeDocument/2006/relationships/image" Target="../media/image3.wmf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7" Type="http://schemas.openxmlformats.org/officeDocument/2006/relationships/image" Target="../media/image2.emf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2.vml"/><Relationship Id="rId6" Type="http://schemas.openxmlformats.org/officeDocument/2006/relationships/oleObject" Target="../embeddings/oleObject4.bin"/><Relationship Id="rId5" Type="http://schemas.openxmlformats.org/officeDocument/2006/relationships/image" Target="../media/image3.wmf"/><Relationship Id="rId4" Type="http://schemas.openxmlformats.org/officeDocument/2006/relationships/oleObject" Target="../embeddings/oleObject3.bin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15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14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16.bin"/><Relationship Id="rId4" Type="http://schemas.openxmlformats.org/officeDocument/2006/relationships/image" Target="../media/image3.wmf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7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7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13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15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14.bin"/><Relationship Id="rId4" Type="http://schemas.openxmlformats.org/officeDocument/2006/relationships/image" Target="../media/image3.wmf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13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16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14.bin"/><Relationship Id="rId4" Type="http://schemas.openxmlformats.org/officeDocument/2006/relationships/image" Target="../media/image3.wmf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13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17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14.bin"/><Relationship Id="rId4" Type="http://schemas.openxmlformats.org/officeDocument/2006/relationships/image" Target="../media/image3.wmf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13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18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14.bin"/><Relationship Id="rId4" Type="http://schemas.openxmlformats.org/officeDocument/2006/relationships/image" Target="../media/image3.wmf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17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19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18.bin"/><Relationship Id="rId4" Type="http://schemas.openxmlformats.org/officeDocument/2006/relationships/image" Target="../media/image3.wmf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19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20.vml"/><Relationship Id="rId6" Type="http://schemas.openxmlformats.org/officeDocument/2006/relationships/image" Target="../media/image16.emf"/><Relationship Id="rId5" Type="http://schemas.openxmlformats.org/officeDocument/2006/relationships/oleObject" Target="../embeddings/oleObject20.bin"/><Relationship Id="rId4" Type="http://schemas.openxmlformats.org/officeDocument/2006/relationships/image" Target="../media/image3.wmf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image" Target="../media/image2.emf"/><Relationship Id="rId3" Type="http://schemas.openxmlformats.org/officeDocument/2006/relationships/hyperlink" Target="https://eduspace.lv/" TargetMode="External"/><Relationship Id="rId7" Type="http://schemas.openxmlformats.org/officeDocument/2006/relationships/oleObject" Target="../embeddings/oleObject22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21.vml"/><Relationship Id="rId6" Type="http://schemas.openxmlformats.org/officeDocument/2006/relationships/image" Target="../media/image3.wmf"/><Relationship Id="rId5" Type="http://schemas.openxmlformats.org/officeDocument/2006/relationships/oleObject" Target="../embeddings/oleObject21.bin"/><Relationship Id="rId4" Type="http://schemas.openxmlformats.org/officeDocument/2006/relationships/hyperlink" Target="http://estudijas.llu.lv/pluginfile.php/39748/mod_resource/content/0/Rokasgramata(2).pdf" TargetMode="Externa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oleObject" Target="../embeddings/oleObject5.bin"/><Relationship Id="rId7" Type="http://schemas.openxmlformats.org/officeDocument/2006/relationships/image" Target="../media/image4.png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3.vml"/><Relationship Id="rId6" Type="http://schemas.openxmlformats.org/officeDocument/2006/relationships/image" Target="../media/image2.emf"/><Relationship Id="rId5" Type="http://schemas.openxmlformats.org/officeDocument/2006/relationships/oleObject" Target="../embeddings/oleObject6.bin"/><Relationship Id="rId4" Type="http://schemas.openxmlformats.org/officeDocument/2006/relationships/image" Target="../media/image3.wmf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4.bin"/><Relationship Id="rId3" Type="http://schemas.openxmlformats.org/officeDocument/2006/relationships/hyperlink" Target="https://www.youtube.com/watch?v=tAtb9r6AicM" TargetMode="External"/><Relationship Id="rId7" Type="http://schemas.openxmlformats.org/officeDocument/2006/relationships/image" Target="../media/image3.wmf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22.vml"/><Relationship Id="rId6" Type="http://schemas.openxmlformats.org/officeDocument/2006/relationships/oleObject" Target="../embeddings/oleObject13.bin"/><Relationship Id="rId5" Type="http://schemas.openxmlformats.org/officeDocument/2006/relationships/hyperlink" Target="https://openteach.ie/resources/" TargetMode="External"/><Relationship Id="rId4" Type="http://schemas.openxmlformats.org/officeDocument/2006/relationships/hyperlink" Target="https://www.youtube.com/watch?v=GuA8f-PCHu9c" TargetMode="External"/><Relationship Id="rId9" Type="http://schemas.openxmlformats.org/officeDocument/2006/relationships/image" Target="../media/image2.emf"/></Relationships>
</file>

<file path=ppt/slides/_rels/slide31.xml.rels><?xml version="1.0" encoding="UTF-8" standalone="yes"?>
<Relationships xmlns="http://schemas.openxmlformats.org/package/2006/relationships"><Relationship Id="rId8" Type="http://schemas.openxmlformats.org/officeDocument/2006/relationships/image" Target="../media/image3.wmf"/><Relationship Id="rId3" Type="http://schemas.openxmlformats.org/officeDocument/2006/relationships/hyperlink" Target="https://www.youtube.com/watch?v=DvJuzE-g7OM" TargetMode="External"/><Relationship Id="rId7" Type="http://schemas.openxmlformats.org/officeDocument/2006/relationships/oleObject" Target="../embeddings/oleObject23.bin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23.vml"/><Relationship Id="rId6" Type="http://schemas.openxmlformats.org/officeDocument/2006/relationships/hyperlink" Target="https://www.open.edu/openlearn/education-development/education/take-your-teaching-online/content-section-overview?active-tab=description-tab" TargetMode="External"/><Relationship Id="rId5" Type="http://schemas.openxmlformats.org/officeDocument/2006/relationships/hyperlink" Target="https://www.youtube.com/watch?v=g_Xm5IljYKQ" TargetMode="External"/><Relationship Id="rId10" Type="http://schemas.openxmlformats.org/officeDocument/2006/relationships/image" Target="../media/image2.emf"/><Relationship Id="rId4" Type="http://schemas.openxmlformats.org/officeDocument/2006/relationships/hyperlink" Target="https://www.youtube.com/watch?v=5a_VZVOEQDc" TargetMode="External"/><Relationship Id="rId9" Type="http://schemas.openxmlformats.org/officeDocument/2006/relationships/oleObject" Target="../embeddings/oleObject24.bin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2.emf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4.vml"/><Relationship Id="rId6" Type="http://schemas.openxmlformats.org/officeDocument/2006/relationships/oleObject" Target="../embeddings/oleObject4.bin"/><Relationship Id="rId5" Type="http://schemas.openxmlformats.org/officeDocument/2006/relationships/image" Target="../media/image3.wmf"/><Relationship Id="rId4" Type="http://schemas.openxmlformats.org/officeDocument/2006/relationships/oleObject" Target="../embeddings/oleObject3.bin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2.emf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5.vml"/><Relationship Id="rId6" Type="http://schemas.openxmlformats.org/officeDocument/2006/relationships/oleObject" Target="../embeddings/oleObject4.bin"/><Relationship Id="rId5" Type="http://schemas.openxmlformats.org/officeDocument/2006/relationships/image" Target="../media/image3.wmf"/><Relationship Id="rId4" Type="http://schemas.openxmlformats.org/officeDocument/2006/relationships/oleObject" Target="../embeddings/oleObject3.bin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image" Target="../media/image2.emf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6.vml"/><Relationship Id="rId6" Type="http://schemas.openxmlformats.org/officeDocument/2006/relationships/oleObject" Target="../embeddings/oleObject4.bin"/><Relationship Id="rId5" Type="http://schemas.openxmlformats.org/officeDocument/2006/relationships/image" Target="../media/image3.wmf"/><Relationship Id="rId4" Type="http://schemas.openxmlformats.org/officeDocument/2006/relationships/oleObject" Target="../embeddings/oleObject3.bin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5.pn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2.emf"/><Relationship Id="rId2" Type="http://schemas.openxmlformats.org/officeDocument/2006/relationships/slideLayout" Target="../slideLayouts/slideLayout2.xml"/><Relationship Id="rId1" Type="http://schemas.openxmlformats.org/officeDocument/2006/relationships/vmlDrawing" Target="../drawings/vmlDrawing7.vml"/><Relationship Id="rId6" Type="http://schemas.openxmlformats.org/officeDocument/2006/relationships/oleObject" Target="../embeddings/oleObject4.bin"/><Relationship Id="rId5" Type="http://schemas.openxmlformats.org/officeDocument/2006/relationships/image" Target="../media/image3.wmf"/><Relationship Id="rId4" Type="http://schemas.openxmlformats.org/officeDocument/2006/relationships/oleObject" Target="../embeddings/oleObject3.bin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9.jpeg"/><Relationship Id="rId5" Type="http://schemas.openxmlformats.org/officeDocument/2006/relationships/image" Target="../media/image8.jpg"/><Relationship Id="rId4" Type="http://schemas.openxmlformats.org/officeDocument/2006/relationships/image" Target="../media/image7.jpeg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jpe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0" name="Rectangle 2"/>
          <p:cNvSpPr>
            <a:spLocks noGrp="1" noChangeArrowheads="1"/>
          </p:cNvSpPr>
          <p:nvPr>
            <p:ph type="ctrTitle"/>
          </p:nvPr>
        </p:nvSpPr>
        <p:spPr>
          <a:xfrm>
            <a:off x="381000" y="2286000"/>
            <a:ext cx="8077200" cy="1066800"/>
          </a:xfrm>
        </p:spPr>
        <p:txBody>
          <a:bodyPr/>
          <a:lstStyle/>
          <a:p>
            <a:pPr>
              <a:lnSpc>
                <a:spcPct val="130000"/>
              </a:lnSpc>
            </a:pPr>
            <a:br>
              <a:rPr lang="lv-LV" altLang="lv-LV" sz="4800" b="1" dirty="0">
                <a:solidFill>
                  <a:srgbClr val="CC0099"/>
                </a:solidFill>
                <a:latin typeface="Arial" charset="0"/>
              </a:rPr>
            </a:br>
            <a:r>
              <a:rPr lang="lv-LV" altLang="lv-LV" sz="4800" b="1" dirty="0">
                <a:solidFill>
                  <a:srgbClr val="CC0099"/>
                </a:solidFill>
                <a:latin typeface="Arial" charset="0"/>
              </a:rPr>
              <a:t> </a:t>
            </a:r>
            <a:br>
              <a:rPr lang="lv-LV" altLang="lv-LV" sz="4800" b="1" dirty="0">
                <a:solidFill>
                  <a:srgbClr val="CC0099"/>
                </a:solidFill>
                <a:latin typeface="Arial" charset="0"/>
              </a:rPr>
            </a:br>
            <a:r>
              <a:rPr lang="lv-LV" altLang="lv-LV" sz="4000" b="1" dirty="0">
                <a:solidFill>
                  <a:srgbClr val="CC0099"/>
                </a:solidFill>
                <a:latin typeface="Arial" charset="0"/>
              </a:rPr>
              <a:t>Tālmācības metodika </a:t>
            </a:r>
            <a:br>
              <a:rPr lang="lv-LV" altLang="lv-LV" sz="4000" b="1" dirty="0">
                <a:solidFill>
                  <a:srgbClr val="CC0099"/>
                </a:solidFill>
                <a:latin typeface="Arial" charset="0"/>
              </a:rPr>
            </a:br>
            <a:r>
              <a:rPr lang="lv-LV" altLang="lv-LV" sz="2800" b="1" dirty="0">
                <a:solidFill>
                  <a:schemeClr val="tx1"/>
                </a:solidFill>
                <a:latin typeface="Arial" charset="0"/>
              </a:rPr>
              <a:t>Ieteikumi attālinātā studiju procesa organizēšanai </a:t>
            </a:r>
            <a:br>
              <a:rPr lang="lv-LV" altLang="lv-LV" sz="4000" b="1" dirty="0">
                <a:solidFill>
                  <a:srgbClr val="CC0099"/>
                </a:solidFill>
                <a:latin typeface="Arial" charset="0"/>
              </a:rPr>
            </a:br>
            <a:br>
              <a:rPr lang="lv-LV" altLang="lv-LV" sz="2400" b="1" i="1" dirty="0">
                <a:latin typeface="Arial" charset="0"/>
              </a:rPr>
            </a:br>
            <a:endParaRPr lang="lv-LV" altLang="lv-LV" b="1" dirty="0"/>
          </a:p>
        </p:txBody>
      </p:sp>
      <p:sp>
        <p:nvSpPr>
          <p:cNvPr id="2051" name="Rectangle 3"/>
          <p:cNvSpPr>
            <a:spLocks noGrp="1" noChangeArrowheads="1"/>
          </p:cNvSpPr>
          <p:nvPr>
            <p:ph type="subTitle" idx="1"/>
          </p:nvPr>
        </p:nvSpPr>
        <p:spPr>
          <a:xfrm>
            <a:off x="1403648" y="4365104"/>
            <a:ext cx="6400800" cy="1524000"/>
          </a:xfrm>
        </p:spPr>
        <p:txBody>
          <a:bodyPr/>
          <a:lstStyle/>
          <a:p>
            <a:endParaRPr lang="lv-LV" altLang="lv-LV" sz="2400" dirty="0">
              <a:latin typeface="Arial" charset="0"/>
            </a:endParaRPr>
          </a:p>
          <a:p>
            <a:r>
              <a:rPr lang="lv-LV" altLang="lv-LV" sz="2400" dirty="0">
                <a:latin typeface="Arial" charset="0"/>
              </a:rPr>
              <a:t>Ilmārs Slaidiņš</a:t>
            </a:r>
          </a:p>
        </p:txBody>
      </p:sp>
      <p:graphicFrame>
        <p:nvGraphicFramePr>
          <p:cNvPr id="2052" name="Object 4"/>
          <p:cNvGraphicFramePr>
            <a:graphicFrameLocks noChangeAspect="1"/>
          </p:cNvGraphicFramePr>
          <p:nvPr/>
        </p:nvGraphicFramePr>
        <p:xfrm>
          <a:off x="700088" y="447675"/>
          <a:ext cx="7927975" cy="19050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155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700088" y="447675"/>
                        <a:ext cx="7927975" cy="19050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497548077"/>
              </p:ext>
            </p:extLst>
          </p:nvPr>
        </p:nvGraphicFramePr>
        <p:xfrm>
          <a:off x="1187450" y="6110288"/>
          <a:ext cx="6743700" cy="1495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156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0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87450" y="6110288"/>
                        <a:ext cx="6743700" cy="149542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338" name="Picture 2" descr="Infographic: People Spend More Time Looking at Screens Than Ever | Statista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2752" y="744932"/>
            <a:ext cx="8785225" cy="60928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4339" name="Title 1"/>
          <p:cNvSpPr txBox="1">
            <a:spLocks/>
          </p:cNvSpPr>
          <p:nvPr/>
        </p:nvSpPr>
        <p:spPr bwMode="auto">
          <a:xfrm>
            <a:off x="34925" y="44450"/>
            <a:ext cx="9001125" cy="6048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ctr"/>
          <a:lstStyle/>
          <a:p>
            <a:pPr defTabSz="685800" eaLnBrk="1" hangingPunct="1">
              <a:lnSpc>
                <a:spcPct val="90000"/>
              </a:lnSpc>
            </a:pPr>
            <a:r>
              <a:rPr lang="lv-LV" altLang="lv-LV" sz="2800" dirty="0">
                <a:latin typeface="Calibri Light" pitchFamily="34" charset="0"/>
              </a:rPr>
              <a:t>No Bruno </a:t>
            </a:r>
            <a:r>
              <a:rPr lang="lv-LV" altLang="lv-LV" sz="2800" dirty="0" err="1">
                <a:latin typeface="Calibri Light" pitchFamily="34" charset="0"/>
              </a:rPr>
              <a:t>Žuga</a:t>
            </a:r>
            <a:r>
              <a:rPr lang="lv-LV" altLang="lv-LV" sz="2800" dirty="0">
                <a:latin typeface="Calibri Light" pitchFamily="34" charset="0"/>
              </a:rPr>
              <a:t>: Cilvēki lūkojas ekrānos arvien vairāk </a:t>
            </a:r>
            <a:br>
              <a:rPr lang="lv-LV" altLang="lv-LV" sz="2800" dirty="0">
                <a:latin typeface="Calibri Light" pitchFamily="34" charset="0"/>
              </a:rPr>
            </a:br>
            <a:r>
              <a:rPr lang="lv-LV" altLang="lv-LV" sz="2800" dirty="0">
                <a:latin typeface="Calibri Light" pitchFamily="34" charset="0"/>
              </a:rPr>
              <a:t>                                   - divu gadu salīdzinājums (ASV)</a:t>
            </a:r>
          </a:p>
        </p:txBody>
      </p:sp>
      <p:sp>
        <p:nvSpPr>
          <p:cNvPr id="3" name="Slaida numura vietturis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10</a:t>
            </a:fld>
            <a:endParaRPr lang="lv-LV" altLang="lv-LV"/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48C14970-721A-4093-8FD5-5119A8B52B12}"/>
              </a:ext>
            </a:extLst>
          </p:cNvPr>
          <p:cNvSpPr txBox="1"/>
          <p:nvPr/>
        </p:nvSpPr>
        <p:spPr>
          <a:xfrm>
            <a:off x="935087" y="1774697"/>
            <a:ext cx="7200800" cy="830997"/>
          </a:xfrm>
          <a:prstGeom prst="rect">
            <a:avLst/>
          </a:prstGeom>
          <a:solidFill>
            <a:srgbClr val="FFFF00"/>
          </a:solidFill>
        </p:spPr>
        <p:txBody>
          <a:bodyPr wrap="square" rtlCol="0">
            <a:spAutoFit/>
          </a:bodyPr>
          <a:lstStyle/>
          <a:p>
            <a:r>
              <a:rPr lang="lv-LV" altLang="lv-LV" b="1" dirty="0">
                <a:solidFill>
                  <a:srgbClr val="000000"/>
                </a:solidFill>
                <a:latin typeface="Arial" charset="0"/>
              </a:rPr>
              <a:t>Vai cilvēki mācās vai tikai meklē informāciju?</a:t>
            </a:r>
          </a:p>
          <a:p>
            <a:endParaRPr lang="lv-LV" dirty="0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3D9CF299-5501-4B41-9724-0893366E90F1}"/>
              </a:ext>
            </a:extLst>
          </p:cNvPr>
          <p:cNvSpPr txBox="1"/>
          <p:nvPr/>
        </p:nvSpPr>
        <p:spPr>
          <a:xfrm>
            <a:off x="222752" y="2924944"/>
            <a:ext cx="8525712" cy="830997"/>
          </a:xfrm>
          <a:prstGeom prst="rect">
            <a:avLst/>
          </a:prstGeom>
          <a:solidFill>
            <a:srgbClr val="FFFF00"/>
          </a:solidFill>
        </p:spPr>
        <p:txBody>
          <a:bodyPr wrap="square" rtlCol="0">
            <a:spAutoFit/>
          </a:bodyPr>
          <a:lstStyle/>
          <a:p>
            <a:r>
              <a:rPr lang="lv-LV" altLang="lv-LV" b="1" dirty="0">
                <a:solidFill>
                  <a:srgbClr val="0070C0"/>
                </a:solidFill>
                <a:latin typeface="Arial" charset="0"/>
              </a:rPr>
              <a:t>Mācīšanās prasme – viena no 8 pamatprasmēm!</a:t>
            </a:r>
            <a:endParaRPr lang="lv-LV" altLang="en-US" b="1" dirty="0">
              <a:solidFill>
                <a:srgbClr val="0070C0"/>
              </a:solidFill>
              <a:latin typeface="Arial" pitchFamily="34" charset="0"/>
              <a:cs typeface="Times New Roman" pitchFamily="18" charset="0"/>
            </a:endParaRPr>
          </a:p>
          <a:p>
            <a:endParaRPr lang="lv-LV" dirty="0"/>
          </a:p>
        </p:txBody>
      </p:sp>
    </p:spTree>
    <p:extLst>
      <p:ext uri="{BB962C8B-B14F-4D97-AF65-F5344CB8AC3E}">
        <p14:creationId xmlns:p14="http://schemas.microsoft.com/office/powerpoint/2010/main" val="20293325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705099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Daudz jaunu nesaprotamu terminu </a:t>
            </a:r>
            <a:r>
              <a:rPr lang="lv-LV" altLang="lv-LV" sz="2800" b="1" dirty="0">
                <a:solidFill>
                  <a:srgbClr val="CC0099"/>
                </a:solidFill>
                <a:latin typeface="Arial" charset="0"/>
                <a:sym typeface="Wingdings" panose="05000000000000000000" pitchFamily="2" charset="2"/>
              </a:rPr>
              <a:t></a:t>
            </a:r>
            <a:endParaRPr lang="lv-LV" altLang="lv-LV" sz="28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669008134"/>
              </p:ext>
            </p:extLst>
          </p:nvPr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7161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055737023"/>
              </p:ext>
            </p:extLst>
          </p:nvPr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7162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11</a:t>
            </a:fld>
            <a:endParaRPr lang="lv-LV" altLang="lv-LV"/>
          </a:p>
        </p:txBody>
      </p:sp>
      <p:pic>
        <p:nvPicPr>
          <p:cNvPr id="47106" name="Picture 2"/>
          <p:cNvPicPr>
            <a:picLocks noChangeAspect="1" noChangeArrowheads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500" t="16848" r="21319" b="8152"/>
          <a:stretch/>
        </p:blipFill>
        <p:spPr bwMode="auto">
          <a:xfrm>
            <a:off x="191885" y="2490356"/>
            <a:ext cx="7575670" cy="43651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191885" y="1628800"/>
            <a:ext cx="763284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l"/>
            <a:r>
              <a:rPr lang="lv-LV" sz="18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No https://www.slideshare.net/EbbaOssiann/ossiannilsson-co2018</a:t>
            </a:r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82C655AB-B35C-4AF5-8A41-718A627F1887}"/>
              </a:ext>
            </a:extLst>
          </p:cNvPr>
          <p:cNvSpPr txBox="1"/>
          <p:nvPr/>
        </p:nvSpPr>
        <p:spPr>
          <a:xfrm>
            <a:off x="0" y="2319263"/>
            <a:ext cx="900100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lv-LV" sz="2000" b="1" dirty="0">
                <a:solidFill>
                  <a:srgbClr val="0070C0"/>
                </a:solidFill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Sameklējiet terminu «</a:t>
            </a:r>
            <a:r>
              <a:rPr lang="lv-LV" sz="2000" b="1" dirty="0" err="1">
                <a:solidFill>
                  <a:srgbClr val="0070C0"/>
                </a:solidFill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learning</a:t>
            </a:r>
            <a:r>
              <a:rPr lang="lv-LV" sz="2000" b="1" dirty="0">
                <a:solidFill>
                  <a:srgbClr val="0070C0"/>
                </a:solidFill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 </a:t>
            </a:r>
            <a:r>
              <a:rPr lang="lv-LV" sz="2000" b="1" dirty="0" err="1">
                <a:solidFill>
                  <a:srgbClr val="0070C0"/>
                </a:solidFill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space</a:t>
            </a:r>
            <a:r>
              <a:rPr lang="lv-LV" sz="2000" b="1" dirty="0">
                <a:solidFill>
                  <a:srgbClr val="0070C0"/>
                </a:solidFill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».  Kāda ir mācīšanās vēsture?</a:t>
            </a:r>
          </a:p>
        </p:txBody>
      </p:sp>
    </p:spTree>
    <p:extLst>
      <p:ext uri="{BB962C8B-B14F-4D97-AF65-F5344CB8AC3E}">
        <p14:creationId xmlns:p14="http://schemas.microsoft.com/office/powerpoint/2010/main" val="28589229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Tālmācības un e-studiju būtība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Pasniedzējam nav vairs tieša klātienes kontakta ar studējošo – </a:t>
            </a: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kā tad mācīt? Students pats mācās! 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Katrs var studēt sev izdevīgā </a:t>
            </a: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laikā, vietā un tempā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Elektroniskās tehnoloģijas – tagad plaši pieejama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Patstāvīgas studijas, tomēr nav pašmācība – </a:t>
            </a: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konsultanti atbalsta studija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Svarīga </a:t>
            </a: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studenta motivēšana 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un </a:t>
            </a: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aktīvas studijas</a:t>
            </a:r>
          </a:p>
          <a:p>
            <a:pPr lvl="1">
              <a:lnSpc>
                <a:spcPct val="140000"/>
              </a:lnSpc>
              <a:buClr>
                <a:srgbClr val="CC0099"/>
              </a:buClr>
              <a:buFont typeface="Wingdings" pitchFamily="2" charset="2"/>
              <a:buChar char="u"/>
            </a:pPr>
            <a:endParaRPr lang="lv-LV" altLang="en-US" sz="16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630785384"/>
              </p:ext>
            </p:extLst>
          </p:nvPr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090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806013714"/>
              </p:ext>
            </p:extLst>
          </p:nvPr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4091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12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572985937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44485" y="1493868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Mācību slodze</a:t>
            </a:r>
            <a:endParaRPr lang="lv-LV" altLang="lv-LV" sz="28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/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8170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307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/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8171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3077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13</a:t>
            </a:fld>
            <a:endParaRPr lang="lv-LV" altLang="lv-LV"/>
          </a:p>
        </p:txBody>
      </p:sp>
      <p:pic>
        <p:nvPicPr>
          <p:cNvPr id="3" name="Attēls 2">
            <a:extLst>
              <a:ext uri="{FF2B5EF4-FFF2-40B4-BE49-F238E27FC236}">
                <a16:creationId xmlns:a16="http://schemas.microsoft.com/office/drawing/2014/main" id="{A6669FF0-08C6-4EDB-9FAF-D25F68B39AF3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1547664" y="2158937"/>
            <a:ext cx="6528203" cy="2970790"/>
          </a:xfrm>
          <a:prstGeom prst="rect">
            <a:avLst/>
          </a:prstGeom>
        </p:spPr>
      </p:pic>
      <p:sp>
        <p:nvSpPr>
          <p:cNvPr id="9" name="TextBox 8">
            <a:extLst>
              <a:ext uri="{FF2B5EF4-FFF2-40B4-BE49-F238E27FC236}">
                <a16:creationId xmlns:a16="http://schemas.microsoft.com/office/drawing/2014/main" id="{C1BD73EF-FA1C-48A1-99AA-EB3BA1D29EB0}"/>
              </a:ext>
            </a:extLst>
          </p:cNvPr>
          <p:cNvSpPr txBox="1"/>
          <p:nvPr/>
        </p:nvSpPr>
        <p:spPr>
          <a:xfrm>
            <a:off x="534947" y="5030330"/>
            <a:ext cx="7991475" cy="707886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lv-LV" sz="2000" b="1" dirty="0">
                <a:solidFill>
                  <a:srgbClr val="CA150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asniedzēja klātbūtne tikai 5-10 % kopējās slodzes!</a:t>
            </a:r>
          </a:p>
          <a:p>
            <a:pPr algn="ctr">
              <a:defRPr/>
            </a:pPr>
            <a:r>
              <a:rPr lang="lv-LV" sz="2000" b="1" dirty="0">
                <a:solidFill>
                  <a:srgbClr val="CA150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Ko tad dara pasniedzējs </a:t>
            </a:r>
            <a:r>
              <a:rPr lang="lv-LV" sz="2000" b="1" dirty="0">
                <a:solidFill>
                  <a:srgbClr val="CA1502"/>
                </a:solidFill>
                <a:latin typeface="Arial" panose="020B0604020202020204" pitchFamily="34" charset="0"/>
                <a:cs typeface="Arial" panose="020B0604020202020204" pitchFamily="34" charset="0"/>
                <a:sym typeface="Wingdings" pitchFamily="2" charset="2"/>
              </a:rPr>
              <a:t>?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B6C1EE31-C8D9-4CA4-AC66-B07035754113}"/>
              </a:ext>
            </a:extLst>
          </p:cNvPr>
          <p:cNvSpPr txBox="1"/>
          <p:nvPr/>
        </p:nvSpPr>
        <p:spPr>
          <a:xfrm>
            <a:off x="2402326" y="5647855"/>
            <a:ext cx="4536504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lv-LV" dirty="0">
                <a:solidFill>
                  <a:srgbClr val="0070C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Kļūst par konsultantu!</a:t>
            </a:r>
          </a:p>
        </p:txBody>
      </p:sp>
    </p:spTree>
    <p:extLst>
      <p:ext uri="{BB962C8B-B14F-4D97-AF65-F5344CB8AC3E}">
        <p14:creationId xmlns:p14="http://schemas.microsoft.com/office/powerpoint/2010/main" val="19228524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  <p:bldP spid="5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panose="020B0604020202020204" pitchFamily="34" charset="0"/>
              </a:rPr>
              <a:t>Tālmācības un e-studiju principi –</a:t>
            </a:r>
            <a:br>
              <a:rPr lang="lv-LV" altLang="lv-LV" sz="2800" b="1" dirty="0">
                <a:solidFill>
                  <a:srgbClr val="CC0099"/>
                </a:solidFill>
                <a:latin typeface="Arial" panose="020B0604020202020204" pitchFamily="34" charset="0"/>
              </a:rPr>
            </a:br>
            <a:r>
              <a:rPr lang="lv-LV" altLang="lv-LV" sz="2800" b="1" dirty="0">
                <a:solidFill>
                  <a:srgbClr val="0070C0"/>
                </a:solidFill>
                <a:latin typeface="Arial" panose="020B0604020202020204" pitchFamily="34" charset="0"/>
              </a:rPr>
              <a:t>no mācīšanas un mācīšanos!</a:t>
            </a:r>
            <a:endParaRPr lang="lv-LV" altLang="lv-LV" sz="2800" b="1" dirty="0">
              <a:solidFill>
                <a:srgbClr val="0070C0"/>
              </a:solidFill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136904" cy="3124200"/>
          </a:xfrm>
        </p:spPr>
        <p:txBody>
          <a:bodyPr/>
          <a:lstStyle/>
          <a:p>
            <a:pPr>
              <a:lnSpc>
                <a:spcPct val="130000"/>
              </a:lnSpc>
              <a:buClr>
                <a:srgbClr val="CC0099"/>
              </a:buClr>
              <a:buFont typeface="Wingdings" panose="05000000000000000000" pitchFamily="2" charset="2"/>
              <a:buChar char="u"/>
            </a:pPr>
            <a:r>
              <a:rPr lang="lv-LV" altLang="lv-LV" sz="2400" b="1" dirty="0">
                <a:latin typeface="Arial" panose="020B0604020202020204" pitchFamily="34" charset="0"/>
              </a:rPr>
              <a:t>Atklātība (</a:t>
            </a:r>
            <a:r>
              <a:rPr lang="lv-LV" altLang="lv-LV" sz="2400" b="1" dirty="0" err="1">
                <a:latin typeface="Arial" panose="020B0604020202020204" pitchFamily="34" charset="0"/>
              </a:rPr>
              <a:t>open</a:t>
            </a:r>
            <a:r>
              <a:rPr lang="lv-LV" altLang="lv-LV" sz="2400" b="1" dirty="0">
                <a:latin typeface="Arial" panose="020B0604020202020204" pitchFamily="34" charset="0"/>
              </a:rPr>
              <a:t>) </a:t>
            </a:r>
          </a:p>
          <a:p>
            <a:pPr>
              <a:lnSpc>
                <a:spcPct val="130000"/>
              </a:lnSpc>
              <a:buClr>
                <a:srgbClr val="CC0099"/>
              </a:buClr>
              <a:buFont typeface="Wingdings" panose="05000000000000000000" pitchFamily="2" charset="2"/>
              <a:buChar char="u"/>
            </a:pPr>
            <a:r>
              <a:rPr lang="lv-LV" altLang="lv-LV" sz="2400" b="1" dirty="0">
                <a:latin typeface="Arial" panose="020B0604020202020204" pitchFamily="34" charset="0"/>
              </a:rPr>
              <a:t>Elastība (</a:t>
            </a:r>
            <a:r>
              <a:rPr lang="lv-LV" altLang="lv-LV" sz="2400" b="1" dirty="0" err="1">
                <a:latin typeface="Arial" panose="020B0604020202020204" pitchFamily="34" charset="0"/>
              </a:rPr>
              <a:t>flexible</a:t>
            </a:r>
            <a:r>
              <a:rPr lang="lv-LV" altLang="lv-LV" sz="2400" b="1" dirty="0">
                <a:latin typeface="Arial" panose="020B0604020202020204" pitchFamily="34" charset="0"/>
              </a:rPr>
              <a:t>)</a:t>
            </a:r>
          </a:p>
          <a:p>
            <a:pPr>
              <a:lnSpc>
                <a:spcPct val="130000"/>
              </a:lnSpc>
              <a:buClr>
                <a:srgbClr val="CC0099"/>
              </a:buClr>
              <a:buFont typeface="Wingdings" panose="05000000000000000000" pitchFamily="2" charset="2"/>
              <a:buChar char="u"/>
            </a:pPr>
            <a:r>
              <a:rPr lang="lv-LV" altLang="lv-LV" sz="2400" b="1" dirty="0">
                <a:latin typeface="Arial" panose="020B0604020202020204" pitchFamily="34" charset="0"/>
              </a:rPr>
              <a:t>Mācīšanās attālumā (distance) </a:t>
            </a:r>
          </a:p>
          <a:p>
            <a:pPr>
              <a:lnSpc>
                <a:spcPct val="130000"/>
              </a:lnSpc>
              <a:buClr>
                <a:srgbClr val="CC0099"/>
              </a:buClr>
              <a:buFont typeface="Wingdings" panose="05000000000000000000" pitchFamily="2" charset="2"/>
              <a:buChar char="u"/>
            </a:pPr>
            <a:r>
              <a:rPr lang="lv-LV" altLang="lv-LV" sz="2400" b="1" dirty="0">
                <a:latin typeface="Arial" panose="020B0604020202020204" pitchFamily="34" charset="0"/>
              </a:rPr>
              <a:t>Rūpnieciska pieeja - tirgus analīze, </a:t>
            </a:r>
            <a:r>
              <a:rPr lang="lv-LV" altLang="lv-LV" sz="2400" b="1" dirty="0">
                <a:solidFill>
                  <a:srgbClr val="FF00FF"/>
                </a:solidFill>
                <a:latin typeface="Arial" panose="020B0604020202020204" pitchFamily="34" charset="0"/>
              </a:rPr>
              <a:t>specializācija!</a:t>
            </a:r>
            <a:r>
              <a:rPr lang="lv-LV" altLang="lv-LV" sz="2400" b="1" dirty="0">
                <a:latin typeface="Arial" panose="020B0604020202020204" pitchFamily="34" charset="0"/>
              </a:rPr>
              <a:t>, procesu kvalitātes vadīšana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/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208" name="Document" r:id="rId4" imgW="6925056" imgH="1670304" progId="Word.Document.8">
                  <p:embed/>
                </p:oleObj>
              </mc:Choice>
              <mc:Fallback>
                <p:oleObj name="Document" r:id="rId4" imgW="6925056" imgH="1670304" progId="Word.Document.8">
                  <p:embed/>
                  <p:pic>
                    <p:nvPicPr>
                      <p:cNvPr id="307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363017152"/>
              </p:ext>
            </p:extLst>
          </p:nvPr>
        </p:nvGraphicFramePr>
        <p:xfrm>
          <a:off x="323528" y="5805264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9209" name="Document" r:id="rId6" imgW="5485033" imgH="1227394" progId="Word.Document.8">
                  <p:embed/>
                </p:oleObj>
              </mc:Choice>
              <mc:Fallback>
                <p:oleObj name="Document" r:id="rId6" imgW="5485033" imgH="1227394" progId="Word.Document.8">
                  <p:embed/>
                  <p:pic>
                    <p:nvPicPr>
                      <p:cNvPr id="3077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323528" y="5805264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14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3150429125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numura vietturis 1">
            <a:extLst>
              <a:ext uri="{FF2B5EF4-FFF2-40B4-BE49-F238E27FC236}">
                <a16:creationId xmlns:a16="http://schemas.microsoft.com/office/drawing/2014/main" id="{6F00689F-59E3-4498-8D46-7783027EDAC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C211C14-DBFE-4749-A32C-5BAFE36B542C}" type="slidenum">
              <a:rPr lang="lv-LV" altLang="lv-LV" smtClean="0"/>
              <a:pPr>
                <a:defRPr/>
              </a:pPr>
              <a:t>15</a:t>
            </a:fld>
            <a:endParaRPr lang="lv-LV" altLang="lv-LV"/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8E4C6C94-1547-4D13-8052-98424DBF0442}"/>
              </a:ext>
            </a:extLst>
          </p:cNvPr>
          <p:cNvGrpSpPr>
            <a:grpSpLocks/>
          </p:cNvGrpSpPr>
          <p:nvPr/>
        </p:nvGrpSpPr>
        <p:grpSpPr bwMode="auto">
          <a:xfrm>
            <a:off x="838200" y="685800"/>
            <a:ext cx="7499350" cy="5181600"/>
            <a:chOff x="1516" y="3821"/>
            <a:chExt cx="10454" cy="8229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D96A043E-1CB1-4FC2-B5DA-4CA69697869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953" y="3821"/>
              <a:ext cx="5392" cy="5202"/>
            </a:xfrm>
            <a:prstGeom prst="ellipse">
              <a:avLst/>
            </a:prstGeom>
            <a:solidFill>
              <a:srgbClr val="F0F0F0"/>
            </a:solidFill>
            <a:ln w="12700">
              <a:solidFill>
                <a:srgbClr val="000000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lv-LV"/>
            </a:p>
          </p:txBody>
        </p:sp>
        <p:sp>
          <p:nvSpPr>
            <p:cNvPr id="5" name="Oval 4">
              <a:extLst>
                <a:ext uri="{FF2B5EF4-FFF2-40B4-BE49-F238E27FC236}">
                  <a16:creationId xmlns:a16="http://schemas.microsoft.com/office/drawing/2014/main" id="{F39117A1-551D-4252-A8F6-18CBFD56D7B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575" y="6670"/>
              <a:ext cx="5392" cy="5380"/>
            </a:xfrm>
            <a:prstGeom prst="ellipse">
              <a:avLst/>
            </a:prstGeom>
            <a:solidFill>
              <a:srgbClr val="F0F0F0"/>
            </a:solidFill>
            <a:ln w="12700">
              <a:solidFill>
                <a:srgbClr val="000000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lv-LV"/>
            </a:p>
          </p:txBody>
        </p:sp>
        <p:sp>
          <p:nvSpPr>
            <p:cNvPr id="6" name="Oval 5">
              <a:extLst>
                <a:ext uri="{FF2B5EF4-FFF2-40B4-BE49-F238E27FC236}">
                  <a16:creationId xmlns:a16="http://schemas.microsoft.com/office/drawing/2014/main" id="{57693C34-7E33-4192-BA94-6087D0A4447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340" y="6703"/>
              <a:ext cx="5398" cy="5211"/>
            </a:xfrm>
            <a:prstGeom prst="ellipse">
              <a:avLst/>
            </a:prstGeom>
            <a:solidFill>
              <a:srgbClr val="F0F0F0"/>
            </a:solidFill>
            <a:ln w="12700">
              <a:solidFill>
                <a:srgbClr val="000000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lv-LV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A1E86518-64FA-4741-9DB0-B84E00B0E893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4014" y="6670"/>
              <a:ext cx="5271" cy="4863"/>
              <a:chOff x="1255" y="3634"/>
              <a:chExt cx="1832" cy="1765"/>
            </a:xfrm>
          </p:grpSpPr>
          <p:sp>
            <p:nvSpPr>
              <p:cNvPr id="31" name="Freeform 7">
                <a:extLst>
                  <a:ext uri="{FF2B5EF4-FFF2-40B4-BE49-F238E27FC236}">
                    <a16:creationId xmlns:a16="http://schemas.microsoft.com/office/drawing/2014/main" id="{25E086BE-637D-4367-91F5-ECCCDF25C0A7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734" y="3770"/>
                <a:ext cx="876" cy="723"/>
              </a:xfrm>
              <a:custGeom>
                <a:avLst/>
                <a:gdLst>
                  <a:gd name="T0" fmla="*/ 445 w 876"/>
                  <a:gd name="T1" fmla="*/ 0 h 723"/>
                  <a:gd name="T2" fmla="*/ 420 w 876"/>
                  <a:gd name="T3" fmla="*/ 15 h 723"/>
                  <a:gd name="T4" fmla="*/ 392 w 876"/>
                  <a:gd name="T5" fmla="*/ 35 h 723"/>
                  <a:gd name="T6" fmla="*/ 361 w 876"/>
                  <a:gd name="T7" fmla="*/ 57 h 723"/>
                  <a:gd name="T8" fmla="*/ 334 w 876"/>
                  <a:gd name="T9" fmla="*/ 77 h 723"/>
                  <a:gd name="T10" fmla="*/ 308 w 876"/>
                  <a:gd name="T11" fmla="*/ 100 h 723"/>
                  <a:gd name="T12" fmla="*/ 287 w 876"/>
                  <a:gd name="T13" fmla="*/ 120 h 723"/>
                  <a:gd name="T14" fmla="*/ 260 w 876"/>
                  <a:gd name="T15" fmla="*/ 145 h 723"/>
                  <a:gd name="T16" fmla="*/ 237 w 876"/>
                  <a:gd name="T17" fmla="*/ 167 h 723"/>
                  <a:gd name="T18" fmla="*/ 209 w 876"/>
                  <a:gd name="T19" fmla="*/ 200 h 723"/>
                  <a:gd name="T20" fmla="*/ 184 w 876"/>
                  <a:gd name="T21" fmla="*/ 230 h 723"/>
                  <a:gd name="T22" fmla="*/ 161 w 876"/>
                  <a:gd name="T23" fmla="*/ 257 h 723"/>
                  <a:gd name="T24" fmla="*/ 135 w 876"/>
                  <a:gd name="T25" fmla="*/ 293 h 723"/>
                  <a:gd name="T26" fmla="*/ 114 w 876"/>
                  <a:gd name="T27" fmla="*/ 324 h 723"/>
                  <a:gd name="T28" fmla="*/ 96 w 876"/>
                  <a:gd name="T29" fmla="*/ 356 h 723"/>
                  <a:gd name="T30" fmla="*/ 76 w 876"/>
                  <a:gd name="T31" fmla="*/ 391 h 723"/>
                  <a:gd name="T32" fmla="*/ 59 w 876"/>
                  <a:gd name="T33" fmla="*/ 425 h 723"/>
                  <a:gd name="T34" fmla="*/ 41 w 876"/>
                  <a:gd name="T35" fmla="*/ 468 h 723"/>
                  <a:gd name="T36" fmla="*/ 27 w 876"/>
                  <a:gd name="T37" fmla="*/ 510 h 723"/>
                  <a:gd name="T38" fmla="*/ 14 w 876"/>
                  <a:gd name="T39" fmla="*/ 550 h 723"/>
                  <a:gd name="T40" fmla="*/ 7 w 876"/>
                  <a:gd name="T41" fmla="*/ 583 h 723"/>
                  <a:gd name="T42" fmla="*/ 0 w 876"/>
                  <a:gd name="T43" fmla="*/ 610 h 723"/>
                  <a:gd name="T44" fmla="*/ 31 w 876"/>
                  <a:gd name="T45" fmla="*/ 630 h 723"/>
                  <a:gd name="T46" fmla="*/ 69 w 876"/>
                  <a:gd name="T47" fmla="*/ 645 h 723"/>
                  <a:gd name="T48" fmla="*/ 112 w 876"/>
                  <a:gd name="T49" fmla="*/ 662 h 723"/>
                  <a:gd name="T50" fmla="*/ 160 w 876"/>
                  <a:gd name="T51" fmla="*/ 678 h 723"/>
                  <a:gd name="T52" fmla="*/ 214 w 876"/>
                  <a:gd name="T53" fmla="*/ 694 h 723"/>
                  <a:gd name="T54" fmla="*/ 267 w 876"/>
                  <a:gd name="T55" fmla="*/ 706 h 723"/>
                  <a:gd name="T56" fmla="*/ 309 w 876"/>
                  <a:gd name="T57" fmla="*/ 713 h 723"/>
                  <a:gd name="T58" fmla="*/ 354 w 876"/>
                  <a:gd name="T59" fmla="*/ 718 h 723"/>
                  <a:gd name="T60" fmla="*/ 399 w 876"/>
                  <a:gd name="T61" fmla="*/ 721 h 723"/>
                  <a:gd name="T62" fmla="*/ 438 w 876"/>
                  <a:gd name="T63" fmla="*/ 722 h 723"/>
                  <a:gd name="T64" fmla="*/ 488 w 876"/>
                  <a:gd name="T65" fmla="*/ 721 h 723"/>
                  <a:gd name="T66" fmla="*/ 540 w 876"/>
                  <a:gd name="T67" fmla="*/ 714 h 723"/>
                  <a:gd name="T68" fmla="*/ 597 w 876"/>
                  <a:gd name="T69" fmla="*/ 707 h 723"/>
                  <a:gd name="T70" fmla="*/ 646 w 876"/>
                  <a:gd name="T71" fmla="*/ 697 h 723"/>
                  <a:gd name="T72" fmla="*/ 687 w 876"/>
                  <a:gd name="T73" fmla="*/ 687 h 723"/>
                  <a:gd name="T74" fmla="*/ 730 w 876"/>
                  <a:gd name="T75" fmla="*/ 673 h 723"/>
                  <a:gd name="T76" fmla="*/ 761 w 876"/>
                  <a:gd name="T77" fmla="*/ 661 h 723"/>
                  <a:gd name="T78" fmla="*/ 794 w 876"/>
                  <a:gd name="T79" fmla="*/ 648 h 723"/>
                  <a:gd name="T80" fmla="*/ 825 w 876"/>
                  <a:gd name="T81" fmla="*/ 636 h 723"/>
                  <a:gd name="T82" fmla="*/ 859 w 876"/>
                  <a:gd name="T83" fmla="*/ 619 h 723"/>
                  <a:gd name="T84" fmla="*/ 875 w 876"/>
                  <a:gd name="T85" fmla="*/ 609 h 723"/>
                  <a:gd name="T86" fmla="*/ 870 w 876"/>
                  <a:gd name="T87" fmla="*/ 574 h 723"/>
                  <a:gd name="T88" fmla="*/ 860 w 876"/>
                  <a:gd name="T89" fmla="*/ 539 h 723"/>
                  <a:gd name="T90" fmla="*/ 849 w 876"/>
                  <a:gd name="T91" fmla="*/ 503 h 723"/>
                  <a:gd name="T92" fmla="*/ 831 w 876"/>
                  <a:gd name="T93" fmla="*/ 455 h 723"/>
                  <a:gd name="T94" fmla="*/ 807 w 876"/>
                  <a:gd name="T95" fmla="*/ 406 h 723"/>
                  <a:gd name="T96" fmla="*/ 779 w 876"/>
                  <a:gd name="T97" fmla="*/ 353 h 723"/>
                  <a:gd name="T98" fmla="*/ 755 w 876"/>
                  <a:gd name="T99" fmla="*/ 316 h 723"/>
                  <a:gd name="T100" fmla="*/ 730 w 876"/>
                  <a:gd name="T101" fmla="*/ 275 h 723"/>
                  <a:gd name="T102" fmla="*/ 709 w 876"/>
                  <a:gd name="T103" fmla="*/ 244 h 723"/>
                  <a:gd name="T104" fmla="*/ 677 w 876"/>
                  <a:gd name="T105" fmla="*/ 204 h 723"/>
                  <a:gd name="T106" fmla="*/ 652 w 876"/>
                  <a:gd name="T107" fmla="*/ 173 h 723"/>
                  <a:gd name="T108" fmla="*/ 624 w 876"/>
                  <a:gd name="T109" fmla="*/ 145 h 723"/>
                  <a:gd name="T110" fmla="*/ 586 w 876"/>
                  <a:gd name="T111" fmla="*/ 109 h 723"/>
                  <a:gd name="T112" fmla="*/ 559 w 876"/>
                  <a:gd name="T113" fmla="*/ 85 h 723"/>
                  <a:gd name="T114" fmla="*/ 527 w 876"/>
                  <a:gd name="T115" fmla="*/ 58 h 723"/>
                  <a:gd name="T116" fmla="*/ 487 w 876"/>
                  <a:gd name="T117" fmla="*/ 28 h 723"/>
                  <a:gd name="T118" fmla="*/ 445 w 876"/>
                  <a:gd name="T119" fmla="*/ 0 h 723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  <a:cxn ang="0">
                    <a:pos x="T44" y="T45"/>
                  </a:cxn>
                  <a:cxn ang="0">
                    <a:pos x="T46" y="T47"/>
                  </a:cxn>
                  <a:cxn ang="0">
                    <a:pos x="T48" y="T49"/>
                  </a:cxn>
                  <a:cxn ang="0">
                    <a:pos x="T50" y="T51"/>
                  </a:cxn>
                  <a:cxn ang="0">
                    <a:pos x="T52" y="T53"/>
                  </a:cxn>
                  <a:cxn ang="0">
                    <a:pos x="T54" y="T55"/>
                  </a:cxn>
                  <a:cxn ang="0">
                    <a:pos x="T56" y="T57"/>
                  </a:cxn>
                  <a:cxn ang="0">
                    <a:pos x="T58" y="T59"/>
                  </a:cxn>
                  <a:cxn ang="0">
                    <a:pos x="T60" y="T61"/>
                  </a:cxn>
                  <a:cxn ang="0">
                    <a:pos x="T62" y="T63"/>
                  </a:cxn>
                  <a:cxn ang="0">
                    <a:pos x="T64" y="T65"/>
                  </a:cxn>
                  <a:cxn ang="0">
                    <a:pos x="T66" y="T67"/>
                  </a:cxn>
                  <a:cxn ang="0">
                    <a:pos x="T68" y="T69"/>
                  </a:cxn>
                  <a:cxn ang="0">
                    <a:pos x="T70" y="T71"/>
                  </a:cxn>
                  <a:cxn ang="0">
                    <a:pos x="T72" y="T73"/>
                  </a:cxn>
                  <a:cxn ang="0">
                    <a:pos x="T74" y="T75"/>
                  </a:cxn>
                  <a:cxn ang="0">
                    <a:pos x="T76" y="T77"/>
                  </a:cxn>
                  <a:cxn ang="0">
                    <a:pos x="T78" y="T79"/>
                  </a:cxn>
                  <a:cxn ang="0">
                    <a:pos x="T80" y="T81"/>
                  </a:cxn>
                  <a:cxn ang="0">
                    <a:pos x="T82" y="T83"/>
                  </a:cxn>
                  <a:cxn ang="0">
                    <a:pos x="T84" y="T85"/>
                  </a:cxn>
                  <a:cxn ang="0">
                    <a:pos x="T86" y="T87"/>
                  </a:cxn>
                  <a:cxn ang="0">
                    <a:pos x="T88" y="T89"/>
                  </a:cxn>
                  <a:cxn ang="0">
                    <a:pos x="T90" y="T91"/>
                  </a:cxn>
                  <a:cxn ang="0">
                    <a:pos x="T92" y="T93"/>
                  </a:cxn>
                  <a:cxn ang="0">
                    <a:pos x="T94" y="T95"/>
                  </a:cxn>
                  <a:cxn ang="0">
                    <a:pos x="T96" y="T97"/>
                  </a:cxn>
                  <a:cxn ang="0">
                    <a:pos x="T98" y="T99"/>
                  </a:cxn>
                  <a:cxn ang="0">
                    <a:pos x="T100" y="T101"/>
                  </a:cxn>
                  <a:cxn ang="0">
                    <a:pos x="T102" y="T103"/>
                  </a:cxn>
                  <a:cxn ang="0">
                    <a:pos x="T104" y="T105"/>
                  </a:cxn>
                  <a:cxn ang="0">
                    <a:pos x="T106" y="T107"/>
                  </a:cxn>
                  <a:cxn ang="0">
                    <a:pos x="T108" y="T109"/>
                  </a:cxn>
                  <a:cxn ang="0">
                    <a:pos x="T110" y="T111"/>
                  </a:cxn>
                  <a:cxn ang="0">
                    <a:pos x="T112" y="T113"/>
                  </a:cxn>
                  <a:cxn ang="0">
                    <a:pos x="T114" y="T115"/>
                  </a:cxn>
                  <a:cxn ang="0">
                    <a:pos x="T116" y="T117"/>
                  </a:cxn>
                  <a:cxn ang="0">
                    <a:pos x="T118" y="T119"/>
                  </a:cxn>
                </a:cxnLst>
                <a:rect l="0" t="0" r="r" b="b"/>
                <a:pathLst>
                  <a:path w="876" h="723">
                    <a:moveTo>
                      <a:pt x="445" y="0"/>
                    </a:moveTo>
                    <a:lnTo>
                      <a:pt x="420" y="15"/>
                    </a:lnTo>
                    <a:lnTo>
                      <a:pt x="392" y="35"/>
                    </a:lnTo>
                    <a:lnTo>
                      <a:pt x="361" y="57"/>
                    </a:lnTo>
                    <a:lnTo>
                      <a:pt x="334" y="77"/>
                    </a:lnTo>
                    <a:lnTo>
                      <a:pt x="308" y="100"/>
                    </a:lnTo>
                    <a:lnTo>
                      <a:pt x="287" y="120"/>
                    </a:lnTo>
                    <a:lnTo>
                      <a:pt x="260" y="145"/>
                    </a:lnTo>
                    <a:lnTo>
                      <a:pt x="237" y="167"/>
                    </a:lnTo>
                    <a:lnTo>
                      <a:pt x="209" y="200"/>
                    </a:lnTo>
                    <a:lnTo>
                      <a:pt x="184" y="230"/>
                    </a:lnTo>
                    <a:lnTo>
                      <a:pt x="161" y="257"/>
                    </a:lnTo>
                    <a:lnTo>
                      <a:pt x="135" y="293"/>
                    </a:lnTo>
                    <a:lnTo>
                      <a:pt x="114" y="324"/>
                    </a:lnTo>
                    <a:lnTo>
                      <a:pt x="96" y="356"/>
                    </a:lnTo>
                    <a:lnTo>
                      <a:pt x="76" y="391"/>
                    </a:lnTo>
                    <a:lnTo>
                      <a:pt x="59" y="425"/>
                    </a:lnTo>
                    <a:lnTo>
                      <a:pt x="41" y="468"/>
                    </a:lnTo>
                    <a:lnTo>
                      <a:pt x="27" y="510"/>
                    </a:lnTo>
                    <a:lnTo>
                      <a:pt x="14" y="550"/>
                    </a:lnTo>
                    <a:lnTo>
                      <a:pt x="7" y="583"/>
                    </a:lnTo>
                    <a:lnTo>
                      <a:pt x="0" y="610"/>
                    </a:lnTo>
                    <a:lnTo>
                      <a:pt x="31" y="630"/>
                    </a:lnTo>
                    <a:lnTo>
                      <a:pt x="69" y="645"/>
                    </a:lnTo>
                    <a:lnTo>
                      <a:pt x="112" y="662"/>
                    </a:lnTo>
                    <a:lnTo>
                      <a:pt x="160" y="678"/>
                    </a:lnTo>
                    <a:lnTo>
                      <a:pt x="214" y="694"/>
                    </a:lnTo>
                    <a:lnTo>
                      <a:pt x="267" y="706"/>
                    </a:lnTo>
                    <a:lnTo>
                      <a:pt x="309" y="713"/>
                    </a:lnTo>
                    <a:lnTo>
                      <a:pt x="354" y="718"/>
                    </a:lnTo>
                    <a:lnTo>
                      <a:pt x="399" y="721"/>
                    </a:lnTo>
                    <a:lnTo>
                      <a:pt x="438" y="722"/>
                    </a:lnTo>
                    <a:lnTo>
                      <a:pt x="488" y="721"/>
                    </a:lnTo>
                    <a:lnTo>
                      <a:pt x="540" y="714"/>
                    </a:lnTo>
                    <a:lnTo>
                      <a:pt x="597" y="707"/>
                    </a:lnTo>
                    <a:lnTo>
                      <a:pt x="646" y="697"/>
                    </a:lnTo>
                    <a:lnTo>
                      <a:pt x="687" y="687"/>
                    </a:lnTo>
                    <a:lnTo>
                      <a:pt x="730" y="673"/>
                    </a:lnTo>
                    <a:lnTo>
                      <a:pt x="761" y="661"/>
                    </a:lnTo>
                    <a:lnTo>
                      <a:pt x="794" y="648"/>
                    </a:lnTo>
                    <a:lnTo>
                      <a:pt x="825" y="636"/>
                    </a:lnTo>
                    <a:lnTo>
                      <a:pt x="859" y="619"/>
                    </a:lnTo>
                    <a:lnTo>
                      <a:pt x="875" y="609"/>
                    </a:lnTo>
                    <a:lnTo>
                      <a:pt x="870" y="574"/>
                    </a:lnTo>
                    <a:lnTo>
                      <a:pt x="860" y="539"/>
                    </a:lnTo>
                    <a:lnTo>
                      <a:pt x="849" y="503"/>
                    </a:lnTo>
                    <a:lnTo>
                      <a:pt x="831" y="455"/>
                    </a:lnTo>
                    <a:lnTo>
                      <a:pt x="807" y="406"/>
                    </a:lnTo>
                    <a:lnTo>
                      <a:pt x="779" y="353"/>
                    </a:lnTo>
                    <a:lnTo>
                      <a:pt x="755" y="316"/>
                    </a:lnTo>
                    <a:lnTo>
                      <a:pt x="730" y="275"/>
                    </a:lnTo>
                    <a:lnTo>
                      <a:pt x="709" y="244"/>
                    </a:lnTo>
                    <a:lnTo>
                      <a:pt x="677" y="204"/>
                    </a:lnTo>
                    <a:lnTo>
                      <a:pt x="652" y="173"/>
                    </a:lnTo>
                    <a:lnTo>
                      <a:pt x="624" y="145"/>
                    </a:lnTo>
                    <a:lnTo>
                      <a:pt x="586" y="109"/>
                    </a:lnTo>
                    <a:lnTo>
                      <a:pt x="559" y="85"/>
                    </a:lnTo>
                    <a:lnTo>
                      <a:pt x="527" y="58"/>
                    </a:lnTo>
                    <a:lnTo>
                      <a:pt x="487" y="28"/>
                    </a:lnTo>
                    <a:lnTo>
                      <a:pt x="445" y="0"/>
                    </a:lnTo>
                  </a:path>
                </a:pathLst>
              </a:custGeom>
              <a:solidFill>
                <a:srgbClr val="FFFFFF"/>
              </a:solidFill>
              <a:ln w="12700" cap="rnd" cmpd="sng">
                <a:solidFill>
                  <a:srgbClr val="000000"/>
                </a:solidFill>
                <a:prstDash val="solid"/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lv-LV"/>
              </a:p>
            </p:txBody>
          </p:sp>
          <p:sp>
            <p:nvSpPr>
              <p:cNvPr id="32" name="Freeform 8">
                <a:extLst>
                  <a:ext uri="{FF2B5EF4-FFF2-40B4-BE49-F238E27FC236}">
                    <a16:creationId xmlns:a16="http://schemas.microsoft.com/office/drawing/2014/main" id="{F2759C00-C406-4DA6-89D4-CA7D88BD2C72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255" y="3634"/>
                <a:ext cx="929" cy="749"/>
              </a:xfrm>
              <a:custGeom>
                <a:avLst/>
                <a:gdLst>
                  <a:gd name="T0" fmla="*/ 21 w 929"/>
                  <a:gd name="T1" fmla="*/ 98 h 749"/>
                  <a:gd name="T2" fmla="*/ 98 w 929"/>
                  <a:gd name="T3" fmla="*/ 64 h 749"/>
                  <a:gd name="T4" fmla="*/ 164 w 929"/>
                  <a:gd name="T5" fmla="*/ 39 h 749"/>
                  <a:gd name="T6" fmla="*/ 246 w 929"/>
                  <a:gd name="T7" fmla="*/ 20 h 749"/>
                  <a:gd name="T8" fmla="*/ 322 w 929"/>
                  <a:gd name="T9" fmla="*/ 7 h 749"/>
                  <a:gd name="T10" fmla="*/ 396 w 929"/>
                  <a:gd name="T11" fmla="*/ 0 h 749"/>
                  <a:gd name="T12" fmla="*/ 475 w 929"/>
                  <a:gd name="T13" fmla="*/ 0 h 749"/>
                  <a:gd name="T14" fmla="*/ 565 w 929"/>
                  <a:gd name="T15" fmla="*/ 8 h 749"/>
                  <a:gd name="T16" fmla="*/ 636 w 929"/>
                  <a:gd name="T17" fmla="*/ 21 h 749"/>
                  <a:gd name="T18" fmla="*/ 713 w 929"/>
                  <a:gd name="T19" fmla="*/ 41 h 749"/>
                  <a:gd name="T20" fmla="*/ 787 w 929"/>
                  <a:gd name="T21" fmla="*/ 70 h 749"/>
                  <a:gd name="T22" fmla="*/ 864 w 929"/>
                  <a:gd name="T23" fmla="*/ 102 h 749"/>
                  <a:gd name="T24" fmla="*/ 928 w 929"/>
                  <a:gd name="T25" fmla="*/ 136 h 749"/>
                  <a:gd name="T26" fmla="*/ 878 w 929"/>
                  <a:gd name="T27" fmla="*/ 166 h 749"/>
                  <a:gd name="T28" fmla="*/ 830 w 929"/>
                  <a:gd name="T29" fmla="*/ 201 h 749"/>
                  <a:gd name="T30" fmla="*/ 788 w 929"/>
                  <a:gd name="T31" fmla="*/ 238 h 749"/>
                  <a:gd name="T32" fmla="*/ 745 w 929"/>
                  <a:gd name="T33" fmla="*/ 278 h 749"/>
                  <a:gd name="T34" fmla="*/ 695 w 929"/>
                  <a:gd name="T35" fmla="*/ 329 h 749"/>
                  <a:gd name="T36" fmla="*/ 660 w 929"/>
                  <a:gd name="T37" fmla="*/ 369 h 749"/>
                  <a:gd name="T38" fmla="*/ 619 w 929"/>
                  <a:gd name="T39" fmla="*/ 424 h 749"/>
                  <a:gd name="T40" fmla="*/ 575 w 929"/>
                  <a:gd name="T41" fmla="*/ 495 h 749"/>
                  <a:gd name="T42" fmla="*/ 541 w 929"/>
                  <a:gd name="T43" fmla="*/ 556 h 749"/>
                  <a:gd name="T44" fmla="*/ 509 w 929"/>
                  <a:gd name="T45" fmla="*/ 640 h 749"/>
                  <a:gd name="T46" fmla="*/ 491 w 929"/>
                  <a:gd name="T47" fmla="*/ 696 h 749"/>
                  <a:gd name="T48" fmla="*/ 481 w 929"/>
                  <a:gd name="T49" fmla="*/ 748 h 749"/>
                  <a:gd name="T50" fmla="*/ 424 w 929"/>
                  <a:gd name="T51" fmla="*/ 716 h 749"/>
                  <a:gd name="T52" fmla="*/ 370 w 929"/>
                  <a:gd name="T53" fmla="*/ 679 h 749"/>
                  <a:gd name="T54" fmla="*/ 305 w 929"/>
                  <a:gd name="T55" fmla="*/ 632 h 749"/>
                  <a:gd name="T56" fmla="*/ 235 w 929"/>
                  <a:gd name="T57" fmla="*/ 568 h 749"/>
                  <a:gd name="T58" fmla="*/ 186 w 929"/>
                  <a:gd name="T59" fmla="*/ 510 h 749"/>
                  <a:gd name="T60" fmla="*/ 138 w 929"/>
                  <a:gd name="T61" fmla="*/ 446 h 749"/>
                  <a:gd name="T62" fmla="*/ 95 w 929"/>
                  <a:gd name="T63" fmla="*/ 375 h 749"/>
                  <a:gd name="T64" fmla="*/ 56 w 929"/>
                  <a:gd name="T65" fmla="*/ 296 h 749"/>
                  <a:gd name="T66" fmla="*/ 28 w 929"/>
                  <a:gd name="T67" fmla="*/ 224 h 749"/>
                  <a:gd name="T68" fmla="*/ 9 w 929"/>
                  <a:gd name="T69" fmla="*/ 159 h 749"/>
                  <a:gd name="T70" fmla="*/ 0 w 929"/>
                  <a:gd name="T71" fmla="*/ 105 h 749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  <a:cxn ang="0">
                    <a:pos x="T44" y="T45"/>
                  </a:cxn>
                  <a:cxn ang="0">
                    <a:pos x="T46" y="T47"/>
                  </a:cxn>
                  <a:cxn ang="0">
                    <a:pos x="T48" y="T49"/>
                  </a:cxn>
                  <a:cxn ang="0">
                    <a:pos x="T50" y="T51"/>
                  </a:cxn>
                  <a:cxn ang="0">
                    <a:pos x="T52" y="T53"/>
                  </a:cxn>
                  <a:cxn ang="0">
                    <a:pos x="T54" y="T55"/>
                  </a:cxn>
                  <a:cxn ang="0">
                    <a:pos x="T56" y="T57"/>
                  </a:cxn>
                  <a:cxn ang="0">
                    <a:pos x="T58" y="T59"/>
                  </a:cxn>
                  <a:cxn ang="0">
                    <a:pos x="T60" y="T61"/>
                  </a:cxn>
                  <a:cxn ang="0">
                    <a:pos x="T62" y="T63"/>
                  </a:cxn>
                  <a:cxn ang="0">
                    <a:pos x="T64" y="T65"/>
                  </a:cxn>
                  <a:cxn ang="0">
                    <a:pos x="T66" y="T67"/>
                  </a:cxn>
                  <a:cxn ang="0">
                    <a:pos x="T68" y="T69"/>
                  </a:cxn>
                  <a:cxn ang="0">
                    <a:pos x="T70" y="T71"/>
                  </a:cxn>
                </a:cxnLst>
                <a:rect l="0" t="0" r="r" b="b"/>
                <a:pathLst>
                  <a:path w="929" h="749">
                    <a:moveTo>
                      <a:pt x="3" y="108"/>
                    </a:moveTo>
                    <a:lnTo>
                      <a:pt x="21" y="98"/>
                    </a:lnTo>
                    <a:lnTo>
                      <a:pt x="59" y="78"/>
                    </a:lnTo>
                    <a:lnTo>
                      <a:pt x="98" y="64"/>
                    </a:lnTo>
                    <a:lnTo>
                      <a:pt x="126" y="52"/>
                    </a:lnTo>
                    <a:lnTo>
                      <a:pt x="164" y="39"/>
                    </a:lnTo>
                    <a:lnTo>
                      <a:pt x="207" y="28"/>
                    </a:lnTo>
                    <a:lnTo>
                      <a:pt x="246" y="20"/>
                    </a:lnTo>
                    <a:lnTo>
                      <a:pt x="285" y="13"/>
                    </a:lnTo>
                    <a:lnTo>
                      <a:pt x="322" y="7"/>
                    </a:lnTo>
                    <a:lnTo>
                      <a:pt x="358" y="4"/>
                    </a:lnTo>
                    <a:lnTo>
                      <a:pt x="396" y="0"/>
                    </a:lnTo>
                    <a:lnTo>
                      <a:pt x="436" y="0"/>
                    </a:lnTo>
                    <a:lnTo>
                      <a:pt x="475" y="0"/>
                    </a:lnTo>
                    <a:lnTo>
                      <a:pt x="519" y="4"/>
                    </a:lnTo>
                    <a:lnTo>
                      <a:pt x="565" y="8"/>
                    </a:lnTo>
                    <a:lnTo>
                      <a:pt x="600" y="14"/>
                    </a:lnTo>
                    <a:lnTo>
                      <a:pt x="636" y="21"/>
                    </a:lnTo>
                    <a:lnTo>
                      <a:pt x="675" y="31"/>
                    </a:lnTo>
                    <a:lnTo>
                      <a:pt x="713" y="41"/>
                    </a:lnTo>
                    <a:lnTo>
                      <a:pt x="748" y="53"/>
                    </a:lnTo>
                    <a:lnTo>
                      <a:pt x="787" y="70"/>
                    </a:lnTo>
                    <a:lnTo>
                      <a:pt x="825" y="84"/>
                    </a:lnTo>
                    <a:lnTo>
                      <a:pt x="864" y="102"/>
                    </a:lnTo>
                    <a:lnTo>
                      <a:pt x="895" y="116"/>
                    </a:lnTo>
                    <a:lnTo>
                      <a:pt x="928" y="136"/>
                    </a:lnTo>
                    <a:lnTo>
                      <a:pt x="904" y="148"/>
                    </a:lnTo>
                    <a:lnTo>
                      <a:pt x="878" y="166"/>
                    </a:lnTo>
                    <a:lnTo>
                      <a:pt x="855" y="186"/>
                    </a:lnTo>
                    <a:lnTo>
                      <a:pt x="830" y="201"/>
                    </a:lnTo>
                    <a:lnTo>
                      <a:pt x="813" y="214"/>
                    </a:lnTo>
                    <a:lnTo>
                      <a:pt x="788" y="238"/>
                    </a:lnTo>
                    <a:lnTo>
                      <a:pt x="766" y="259"/>
                    </a:lnTo>
                    <a:lnTo>
                      <a:pt x="745" y="278"/>
                    </a:lnTo>
                    <a:lnTo>
                      <a:pt x="721" y="302"/>
                    </a:lnTo>
                    <a:lnTo>
                      <a:pt x="695" y="329"/>
                    </a:lnTo>
                    <a:lnTo>
                      <a:pt x="677" y="350"/>
                    </a:lnTo>
                    <a:lnTo>
                      <a:pt x="660" y="369"/>
                    </a:lnTo>
                    <a:lnTo>
                      <a:pt x="640" y="394"/>
                    </a:lnTo>
                    <a:lnTo>
                      <a:pt x="619" y="424"/>
                    </a:lnTo>
                    <a:lnTo>
                      <a:pt x="597" y="456"/>
                    </a:lnTo>
                    <a:lnTo>
                      <a:pt x="575" y="495"/>
                    </a:lnTo>
                    <a:lnTo>
                      <a:pt x="558" y="524"/>
                    </a:lnTo>
                    <a:lnTo>
                      <a:pt x="541" y="556"/>
                    </a:lnTo>
                    <a:lnTo>
                      <a:pt x="526" y="594"/>
                    </a:lnTo>
                    <a:lnTo>
                      <a:pt x="509" y="640"/>
                    </a:lnTo>
                    <a:lnTo>
                      <a:pt x="499" y="672"/>
                    </a:lnTo>
                    <a:lnTo>
                      <a:pt x="491" y="696"/>
                    </a:lnTo>
                    <a:lnTo>
                      <a:pt x="484" y="726"/>
                    </a:lnTo>
                    <a:lnTo>
                      <a:pt x="481" y="748"/>
                    </a:lnTo>
                    <a:lnTo>
                      <a:pt x="456" y="735"/>
                    </a:lnTo>
                    <a:lnTo>
                      <a:pt x="424" y="716"/>
                    </a:lnTo>
                    <a:lnTo>
                      <a:pt x="398" y="700"/>
                    </a:lnTo>
                    <a:lnTo>
                      <a:pt x="370" y="679"/>
                    </a:lnTo>
                    <a:lnTo>
                      <a:pt x="344" y="663"/>
                    </a:lnTo>
                    <a:lnTo>
                      <a:pt x="305" y="632"/>
                    </a:lnTo>
                    <a:lnTo>
                      <a:pt x="266" y="596"/>
                    </a:lnTo>
                    <a:lnTo>
                      <a:pt x="235" y="568"/>
                    </a:lnTo>
                    <a:lnTo>
                      <a:pt x="211" y="542"/>
                    </a:lnTo>
                    <a:lnTo>
                      <a:pt x="186" y="510"/>
                    </a:lnTo>
                    <a:lnTo>
                      <a:pt x="161" y="478"/>
                    </a:lnTo>
                    <a:lnTo>
                      <a:pt x="138" y="446"/>
                    </a:lnTo>
                    <a:lnTo>
                      <a:pt x="118" y="412"/>
                    </a:lnTo>
                    <a:lnTo>
                      <a:pt x="95" y="375"/>
                    </a:lnTo>
                    <a:lnTo>
                      <a:pt x="76" y="337"/>
                    </a:lnTo>
                    <a:lnTo>
                      <a:pt x="56" y="296"/>
                    </a:lnTo>
                    <a:lnTo>
                      <a:pt x="41" y="261"/>
                    </a:lnTo>
                    <a:lnTo>
                      <a:pt x="28" y="224"/>
                    </a:lnTo>
                    <a:lnTo>
                      <a:pt x="17" y="189"/>
                    </a:lnTo>
                    <a:lnTo>
                      <a:pt x="9" y="159"/>
                    </a:lnTo>
                    <a:lnTo>
                      <a:pt x="3" y="136"/>
                    </a:lnTo>
                    <a:lnTo>
                      <a:pt x="0" y="105"/>
                    </a:lnTo>
                    <a:lnTo>
                      <a:pt x="3" y="108"/>
                    </a:lnTo>
                  </a:path>
                </a:pathLst>
              </a:custGeom>
              <a:solidFill>
                <a:srgbClr val="B2B2B2"/>
              </a:solidFill>
              <a:ln w="12700" cap="rnd" cmpd="sng">
                <a:solidFill>
                  <a:srgbClr val="000000"/>
                </a:solidFill>
                <a:prstDash val="solid"/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lv-LV"/>
              </a:p>
            </p:txBody>
          </p:sp>
          <p:sp>
            <p:nvSpPr>
              <p:cNvPr id="33" name="Freeform 9">
                <a:extLst>
                  <a:ext uri="{FF2B5EF4-FFF2-40B4-BE49-F238E27FC236}">
                    <a16:creationId xmlns:a16="http://schemas.microsoft.com/office/drawing/2014/main" id="{8C418B2F-A015-4699-9A80-E6F80BD6035C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2177" y="3636"/>
                <a:ext cx="910" cy="750"/>
              </a:xfrm>
              <a:custGeom>
                <a:avLst/>
                <a:gdLst>
                  <a:gd name="T0" fmla="*/ 909 w 910"/>
                  <a:gd name="T1" fmla="*/ 116 h 750"/>
                  <a:gd name="T2" fmla="*/ 849 w 910"/>
                  <a:gd name="T3" fmla="*/ 78 h 750"/>
                  <a:gd name="T4" fmla="*/ 776 w 910"/>
                  <a:gd name="T5" fmla="*/ 50 h 750"/>
                  <a:gd name="T6" fmla="*/ 701 w 910"/>
                  <a:gd name="T7" fmla="*/ 26 h 750"/>
                  <a:gd name="T8" fmla="*/ 624 w 910"/>
                  <a:gd name="T9" fmla="*/ 12 h 750"/>
                  <a:gd name="T10" fmla="*/ 555 w 910"/>
                  <a:gd name="T11" fmla="*/ 4 h 750"/>
                  <a:gd name="T12" fmla="*/ 476 w 910"/>
                  <a:gd name="T13" fmla="*/ 0 h 750"/>
                  <a:gd name="T14" fmla="*/ 393 w 910"/>
                  <a:gd name="T15" fmla="*/ 4 h 750"/>
                  <a:gd name="T16" fmla="*/ 309 w 910"/>
                  <a:gd name="T17" fmla="*/ 13 h 750"/>
                  <a:gd name="T18" fmla="*/ 235 w 910"/>
                  <a:gd name="T19" fmla="*/ 30 h 750"/>
                  <a:gd name="T20" fmla="*/ 158 w 910"/>
                  <a:gd name="T21" fmla="*/ 55 h 750"/>
                  <a:gd name="T22" fmla="*/ 76 w 910"/>
                  <a:gd name="T23" fmla="*/ 89 h 750"/>
                  <a:gd name="T24" fmla="*/ 14 w 910"/>
                  <a:gd name="T25" fmla="*/ 121 h 750"/>
                  <a:gd name="T26" fmla="*/ 20 w 910"/>
                  <a:gd name="T27" fmla="*/ 148 h 750"/>
                  <a:gd name="T28" fmla="*/ 58 w 910"/>
                  <a:gd name="T29" fmla="*/ 174 h 750"/>
                  <a:gd name="T30" fmla="*/ 93 w 910"/>
                  <a:gd name="T31" fmla="*/ 202 h 750"/>
                  <a:gd name="T32" fmla="*/ 143 w 910"/>
                  <a:gd name="T33" fmla="*/ 247 h 750"/>
                  <a:gd name="T34" fmla="*/ 195 w 910"/>
                  <a:gd name="T35" fmla="*/ 294 h 750"/>
                  <a:gd name="T36" fmla="*/ 235 w 910"/>
                  <a:gd name="T37" fmla="*/ 341 h 750"/>
                  <a:gd name="T38" fmla="*/ 273 w 910"/>
                  <a:gd name="T39" fmla="*/ 389 h 750"/>
                  <a:gd name="T40" fmla="*/ 315 w 910"/>
                  <a:gd name="T41" fmla="*/ 454 h 750"/>
                  <a:gd name="T42" fmla="*/ 354 w 910"/>
                  <a:gd name="T43" fmla="*/ 522 h 750"/>
                  <a:gd name="T44" fmla="*/ 388 w 910"/>
                  <a:gd name="T45" fmla="*/ 592 h 750"/>
                  <a:gd name="T46" fmla="*/ 414 w 910"/>
                  <a:gd name="T47" fmla="*/ 666 h 750"/>
                  <a:gd name="T48" fmla="*/ 428 w 910"/>
                  <a:gd name="T49" fmla="*/ 731 h 750"/>
                  <a:gd name="T50" fmla="*/ 459 w 910"/>
                  <a:gd name="T51" fmla="*/ 733 h 750"/>
                  <a:gd name="T52" fmla="*/ 516 w 910"/>
                  <a:gd name="T53" fmla="*/ 698 h 750"/>
                  <a:gd name="T54" fmla="*/ 571 w 910"/>
                  <a:gd name="T55" fmla="*/ 661 h 750"/>
                  <a:gd name="T56" fmla="*/ 649 w 910"/>
                  <a:gd name="T57" fmla="*/ 594 h 750"/>
                  <a:gd name="T58" fmla="*/ 702 w 910"/>
                  <a:gd name="T59" fmla="*/ 539 h 750"/>
                  <a:gd name="T60" fmla="*/ 751 w 910"/>
                  <a:gd name="T61" fmla="*/ 476 h 750"/>
                  <a:gd name="T62" fmla="*/ 796 w 910"/>
                  <a:gd name="T63" fmla="*/ 410 h 750"/>
                  <a:gd name="T64" fmla="*/ 838 w 910"/>
                  <a:gd name="T65" fmla="*/ 335 h 750"/>
                  <a:gd name="T66" fmla="*/ 873 w 910"/>
                  <a:gd name="T67" fmla="*/ 262 h 750"/>
                  <a:gd name="T68" fmla="*/ 896 w 910"/>
                  <a:gd name="T69" fmla="*/ 180 h 750"/>
                  <a:gd name="T70" fmla="*/ 909 w 910"/>
                  <a:gd name="T71" fmla="*/ 129 h 750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  <a:cxn ang="0">
                    <a:pos x="T44" y="T45"/>
                  </a:cxn>
                  <a:cxn ang="0">
                    <a:pos x="T46" y="T47"/>
                  </a:cxn>
                  <a:cxn ang="0">
                    <a:pos x="T48" y="T49"/>
                  </a:cxn>
                  <a:cxn ang="0">
                    <a:pos x="T50" y="T51"/>
                  </a:cxn>
                  <a:cxn ang="0">
                    <a:pos x="T52" y="T53"/>
                  </a:cxn>
                  <a:cxn ang="0">
                    <a:pos x="T54" y="T55"/>
                  </a:cxn>
                  <a:cxn ang="0">
                    <a:pos x="T56" y="T57"/>
                  </a:cxn>
                  <a:cxn ang="0">
                    <a:pos x="T58" y="T59"/>
                  </a:cxn>
                  <a:cxn ang="0">
                    <a:pos x="T60" y="T61"/>
                  </a:cxn>
                  <a:cxn ang="0">
                    <a:pos x="T62" y="T63"/>
                  </a:cxn>
                  <a:cxn ang="0">
                    <a:pos x="T64" y="T65"/>
                  </a:cxn>
                  <a:cxn ang="0">
                    <a:pos x="T66" y="T67"/>
                  </a:cxn>
                  <a:cxn ang="0">
                    <a:pos x="T68" y="T69"/>
                  </a:cxn>
                  <a:cxn ang="0">
                    <a:pos x="T70" y="T71"/>
                  </a:cxn>
                </a:cxnLst>
                <a:rect l="0" t="0" r="r" b="b"/>
                <a:pathLst>
                  <a:path w="910" h="750">
                    <a:moveTo>
                      <a:pt x="909" y="129"/>
                    </a:moveTo>
                    <a:lnTo>
                      <a:pt x="909" y="116"/>
                    </a:lnTo>
                    <a:lnTo>
                      <a:pt x="880" y="96"/>
                    </a:lnTo>
                    <a:lnTo>
                      <a:pt x="849" y="78"/>
                    </a:lnTo>
                    <a:lnTo>
                      <a:pt x="814" y="62"/>
                    </a:lnTo>
                    <a:lnTo>
                      <a:pt x="776" y="50"/>
                    </a:lnTo>
                    <a:lnTo>
                      <a:pt x="738" y="37"/>
                    </a:lnTo>
                    <a:lnTo>
                      <a:pt x="701" y="26"/>
                    </a:lnTo>
                    <a:lnTo>
                      <a:pt x="660" y="18"/>
                    </a:lnTo>
                    <a:lnTo>
                      <a:pt x="624" y="12"/>
                    </a:lnTo>
                    <a:lnTo>
                      <a:pt x="589" y="6"/>
                    </a:lnTo>
                    <a:lnTo>
                      <a:pt x="555" y="4"/>
                    </a:lnTo>
                    <a:lnTo>
                      <a:pt x="519" y="2"/>
                    </a:lnTo>
                    <a:lnTo>
                      <a:pt x="476" y="0"/>
                    </a:lnTo>
                    <a:lnTo>
                      <a:pt x="435" y="2"/>
                    </a:lnTo>
                    <a:lnTo>
                      <a:pt x="393" y="4"/>
                    </a:lnTo>
                    <a:lnTo>
                      <a:pt x="355" y="6"/>
                    </a:lnTo>
                    <a:lnTo>
                      <a:pt x="309" y="13"/>
                    </a:lnTo>
                    <a:lnTo>
                      <a:pt x="273" y="22"/>
                    </a:lnTo>
                    <a:lnTo>
                      <a:pt x="235" y="30"/>
                    </a:lnTo>
                    <a:lnTo>
                      <a:pt x="198" y="41"/>
                    </a:lnTo>
                    <a:lnTo>
                      <a:pt x="158" y="55"/>
                    </a:lnTo>
                    <a:lnTo>
                      <a:pt x="116" y="71"/>
                    </a:lnTo>
                    <a:lnTo>
                      <a:pt x="76" y="89"/>
                    </a:lnTo>
                    <a:lnTo>
                      <a:pt x="47" y="103"/>
                    </a:lnTo>
                    <a:lnTo>
                      <a:pt x="14" y="121"/>
                    </a:lnTo>
                    <a:lnTo>
                      <a:pt x="0" y="135"/>
                    </a:lnTo>
                    <a:lnTo>
                      <a:pt x="20" y="148"/>
                    </a:lnTo>
                    <a:lnTo>
                      <a:pt x="40" y="162"/>
                    </a:lnTo>
                    <a:lnTo>
                      <a:pt x="58" y="174"/>
                    </a:lnTo>
                    <a:lnTo>
                      <a:pt x="76" y="188"/>
                    </a:lnTo>
                    <a:lnTo>
                      <a:pt x="93" y="202"/>
                    </a:lnTo>
                    <a:lnTo>
                      <a:pt x="123" y="227"/>
                    </a:lnTo>
                    <a:lnTo>
                      <a:pt x="143" y="247"/>
                    </a:lnTo>
                    <a:lnTo>
                      <a:pt x="168" y="268"/>
                    </a:lnTo>
                    <a:lnTo>
                      <a:pt x="195" y="294"/>
                    </a:lnTo>
                    <a:lnTo>
                      <a:pt x="216" y="315"/>
                    </a:lnTo>
                    <a:lnTo>
                      <a:pt x="235" y="341"/>
                    </a:lnTo>
                    <a:lnTo>
                      <a:pt x="256" y="366"/>
                    </a:lnTo>
                    <a:lnTo>
                      <a:pt x="273" y="389"/>
                    </a:lnTo>
                    <a:lnTo>
                      <a:pt x="293" y="419"/>
                    </a:lnTo>
                    <a:lnTo>
                      <a:pt x="315" y="454"/>
                    </a:lnTo>
                    <a:lnTo>
                      <a:pt x="337" y="493"/>
                    </a:lnTo>
                    <a:lnTo>
                      <a:pt x="354" y="522"/>
                    </a:lnTo>
                    <a:lnTo>
                      <a:pt x="369" y="554"/>
                    </a:lnTo>
                    <a:lnTo>
                      <a:pt x="388" y="592"/>
                    </a:lnTo>
                    <a:lnTo>
                      <a:pt x="402" y="631"/>
                    </a:lnTo>
                    <a:lnTo>
                      <a:pt x="414" y="666"/>
                    </a:lnTo>
                    <a:lnTo>
                      <a:pt x="425" y="701"/>
                    </a:lnTo>
                    <a:lnTo>
                      <a:pt x="428" y="731"/>
                    </a:lnTo>
                    <a:lnTo>
                      <a:pt x="430" y="749"/>
                    </a:lnTo>
                    <a:lnTo>
                      <a:pt x="459" y="733"/>
                    </a:lnTo>
                    <a:lnTo>
                      <a:pt x="491" y="714"/>
                    </a:lnTo>
                    <a:lnTo>
                      <a:pt x="516" y="698"/>
                    </a:lnTo>
                    <a:lnTo>
                      <a:pt x="544" y="677"/>
                    </a:lnTo>
                    <a:lnTo>
                      <a:pt x="571" y="661"/>
                    </a:lnTo>
                    <a:lnTo>
                      <a:pt x="610" y="630"/>
                    </a:lnTo>
                    <a:lnTo>
                      <a:pt x="649" y="594"/>
                    </a:lnTo>
                    <a:lnTo>
                      <a:pt x="680" y="566"/>
                    </a:lnTo>
                    <a:lnTo>
                      <a:pt x="702" y="539"/>
                    </a:lnTo>
                    <a:lnTo>
                      <a:pt x="727" y="508"/>
                    </a:lnTo>
                    <a:lnTo>
                      <a:pt x="751" y="476"/>
                    </a:lnTo>
                    <a:lnTo>
                      <a:pt x="775" y="444"/>
                    </a:lnTo>
                    <a:lnTo>
                      <a:pt x="796" y="410"/>
                    </a:lnTo>
                    <a:lnTo>
                      <a:pt x="818" y="373"/>
                    </a:lnTo>
                    <a:lnTo>
                      <a:pt x="838" y="335"/>
                    </a:lnTo>
                    <a:lnTo>
                      <a:pt x="857" y="296"/>
                    </a:lnTo>
                    <a:lnTo>
                      <a:pt x="873" y="262"/>
                    </a:lnTo>
                    <a:lnTo>
                      <a:pt x="885" y="222"/>
                    </a:lnTo>
                    <a:lnTo>
                      <a:pt x="896" y="180"/>
                    </a:lnTo>
                    <a:lnTo>
                      <a:pt x="909" y="128"/>
                    </a:lnTo>
                    <a:lnTo>
                      <a:pt x="909" y="129"/>
                    </a:lnTo>
                  </a:path>
                </a:pathLst>
              </a:custGeom>
              <a:solidFill>
                <a:srgbClr val="B2B2B2"/>
              </a:solidFill>
              <a:ln w="12700" cap="rnd" cmpd="sng">
                <a:solidFill>
                  <a:srgbClr val="000000"/>
                </a:solidFill>
                <a:prstDash val="solid"/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lv-LV"/>
              </a:p>
            </p:txBody>
          </p:sp>
          <p:sp>
            <p:nvSpPr>
              <p:cNvPr id="34" name="Freeform 10">
                <a:extLst>
                  <a:ext uri="{FF2B5EF4-FFF2-40B4-BE49-F238E27FC236}">
                    <a16:creationId xmlns:a16="http://schemas.microsoft.com/office/drawing/2014/main" id="{2F58C383-48F5-4AE8-959C-A4C8A3DD39EF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715" y="4380"/>
                <a:ext cx="915" cy="1019"/>
              </a:xfrm>
              <a:custGeom>
                <a:avLst/>
                <a:gdLst>
                  <a:gd name="T0" fmla="*/ 46 w 915"/>
                  <a:gd name="T1" fmla="*/ 19 h 1019"/>
                  <a:gd name="T2" fmla="*/ 99 w 915"/>
                  <a:gd name="T3" fmla="*/ 41 h 1019"/>
                  <a:gd name="T4" fmla="*/ 172 w 915"/>
                  <a:gd name="T5" fmla="*/ 66 h 1019"/>
                  <a:gd name="T6" fmla="*/ 247 w 915"/>
                  <a:gd name="T7" fmla="*/ 86 h 1019"/>
                  <a:gd name="T8" fmla="*/ 328 w 915"/>
                  <a:gd name="T9" fmla="*/ 103 h 1019"/>
                  <a:gd name="T10" fmla="*/ 425 w 915"/>
                  <a:gd name="T11" fmla="*/ 112 h 1019"/>
                  <a:gd name="T12" fmla="*/ 521 w 915"/>
                  <a:gd name="T13" fmla="*/ 112 h 1019"/>
                  <a:gd name="T14" fmla="*/ 625 w 915"/>
                  <a:gd name="T15" fmla="*/ 97 h 1019"/>
                  <a:gd name="T16" fmla="*/ 697 w 915"/>
                  <a:gd name="T17" fmla="*/ 80 h 1019"/>
                  <a:gd name="T18" fmla="*/ 760 w 915"/>
                  <a:gd name="T19" fmla="*/ 59 h 1019"/>
                  <a:gd name="T20" fmla="*/ 826 w 915"/>
                  <a:gd name="T21" fmla="*/ 33 h 1019"/>
                  <a:gd name="T22" fmla="*/ 875 w 915"/>
                  <a:gd name="T23" fmla="*/ 12 h 1019"/>
                  <a:gd name="T24" fmla="*/ 899 w 915"/>
                  <a:gd name="T25" fmla="*/ 28 h 1019"/>
                  <a:gd name="T26" fmla="*/ 904 w 915"/>
                  <a:gd name="T27" fmla="*/ 80 h 1019"/>
                  <a:gd name="T28" fmla="*/ 911 w 915"/>
                  <a:gd name="T29" fmla="*/ 157 h 1019"/>
                  <a:gd name="T30" fmla="*/ 914 w 915"/>
                  <a:gd name="T31" fmla="*/ 214 h 1019"/>
                  <a:gd name="T32" fmla="*/ 908 w 915"/>
                  <a:gd name="T33" fmla="*/ 290 h 1019"/>
                  <a:gd name="T34" fmla="*/ 897 w 915"/>
                  <a:gd name="T35" fmla="*/ 371 h 1019"/>
                  <a:gd name="T36" fmla="*/ 878 w 915"/>
                  <a:gd name="T37" fmla="*/ 460 h 1019"/>
                  <a:gd name="T38" fmla="*/ 850 w 915"/>
                  <a:gd name="T39" fmla="*/ 541 h 1019"/>
                  <a:gd name="T40" fmla="*/ 816 w 915"/>
                  <a:gd name="T41" fmla="*/ 618 h 1019"/>
                  <a:gd name="T42" fmla="*/ 777 w 915"/>
                  <a:gd name="T43" fmla="*/ 690 h 1019"/>
                  <a:gd name="T44" fmla="*/ 728 w 915"/>
                  <a:gd name="T45" fmla="*/ 764 h 1019"/>
                  <a:gd name="T46" fmla="*/ 668 w 915"/>
                  <a:gd name="T47" fmla="*/ 838 h 1019"/>
                  <a:gd name="T48" fmla="*/ 599 w 915"/>
                  <a:gd name="T49" fmla="*/ 905 h 1019"/>
                  <a:gd name="T50" fmla="*/ 534 w 915"/>
                  <a:gd name="T51" fmla="*/ 959 h 1019"/>
                  <a:gd name="T52" fmla="*/ 475 w 915"/>
                  <a:gd name="T53" fmla="*/ 1000 h 1019"/>
                  <a:gd name="T54" fmla="*/ 423 w 915"/>
                  <a:gd name="T55" fmla="*/ 1001 h 1019"/>
                  <a:gd name="T56" fmla="*/ 366 w 915"/>
                  <a:gd name="T57" fmla="*/ 961 h 1019"/>
                  <a:gd name="T58" fmla="*/ 312 w 915"/>
                  <a:gd name="T59" fmla="*/ 916 h 1019"/>
                  <a:gd name="T60" fmla="*/ 256 w 915"/>
                  <a:gd name="T61" fmla="*/ 863 h 1019"/>
                  <a:gd name="T62" fmla="*/ 190 w 915"/>
                  <a:gd name="T63" fmla="*/ 780 h 1019"/>
                  <a:gd name="T64" fmla="*/ 141 w 915"/>
                  <a:gd name="T65" fmla="*/ 712 h 1019"/>
                  <a:gd name="T66" fmla="*/ 99 w 915"/>
                  <a:gd name="T67" fmla="*/ 636 h 1019"/>
                  <a:gd name="T68" fmla="*/ 63 w 915"/>
                  <a:gd name="T69" fmla="*/ 554 h 1019"/>
                  <a:gd name="T70" fmla="*/ 35 w 915"/>
                  <a:gd name="T71" fmla="*/ 469 h 1019"/>
                  <a:gd name="T72" fmla="*/ 14 w 915"/>
                  <a:gd name="T73" fmla="*/ 383 h 1019"/>
                  <a:gd name="T74" fmla="*/ 1 w 915"/>
                  <a:gd name="T75" fmla="*/ 290 h 1019"/>
                  <a:gd name="T76" fmla="*/ 0 w 915"/>
                  <a:gd name="T77" fmla="*/ 196 h 1019"/>
                  <a:gd name="T78" fmla="*/ 4 w 915"/>
                  <a:gd name="T79" fmla="*/ 104 h 1019"/>
                  <a:gd name="T80" fmla="*/ 15 w 915"/>
                  <a:gd name="T81" fmla="*/ 27 h 1019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  <a:cxn ang="0">
                    <a:pos x="T44" y="T45"/>
                  </a:cxn>
                  <a:cxn ang="0">
                    <a:pos x="T46" y="T47"/>
                  </a:cxn>
                  <a:cxn ang="0">
                    <a:pos x="T48" y="T49"/>
                  </a:cxn>
                  <a:cxn ang="0">
                    <a:pos x="T50" y="T51"/>
                  </a:cxn>
                  <a:cxn ang="0">
                    <a:pos x="T52" y="T53"/>
                  </a:cxn>
                  <a:cxn ang="0">
                    <a:pos x="T54" y="T55"/>
                  </a:cxn>
                  <a:cxn ang="0">
                    <a:pos x="T56" y="T57"/>
                  </a:cxn>
                  <a:cxn ang="0">
                    <a:pos x="T58" y="T59"/>
                  </a:cxn>
                  <a:cxn ang="0">
                    <a:pos x="T60" y="T61"/>
                  </a:cxn>
                  <a:cxn ang="0">
                    <a:pos x="T62" y="T63"/>
                  </a:cxn>
                  <a:cxn ang="0">
                    <a:pos x="T64" y="T65"/>
                  </a:cxn>
                  <a:cxn ang="0">
                    <a:pos x="T66" y="T67"/>
                  </a:cxn>
                  <a:cxn ang="0">
                    <a:pos x="T68" y="T69"/>
                  </a:cxn>
                  <a:cxn ang="0">
                    <a:pos x="T70" y="T71"/>
                  </a:cxn>
                  <a:cxn ang="0">
                    <a:pos x="T72" y="T73"/>
                  </a:cxn>
                  <a:cxn ang="0">
                    <a:pos x="T74" y="T75"/>
                  </a:cxn>
                  <a:cxn ang="0">
                    <a:pos x="T76" y="T77"/>
                  </a:cxn>
                  <a:cxn ang="0">
                    <a:pos x="T78" y="T79"/>
                  </a:cxn>
                  <a:cxn ang="0">
                    <a:pos x="T80" y="T81"/>
                  </a:cxn>
                </a:cxnLst>
                <a:rect l="0" t="0" r="r" b="b"/>
                <a:pathLst>
                  <a:path w="915" h="1019">
                    <a:moveTo>
                      <a:pt x="21" y="2"/>
                    </a:moveTo>
                    <a:lnTo>
                      <a:pt x="46" y="19"/>
                    </a:lnTo>
                    <a:lnTo>
                      <a:pt x="74" y="31"/>
                    </a:lnTo>
                    <a:lnTo>
                      <a:pt x="99" y="41"/>
                    </a:lnTo>
                    <a:lnTo>
                      <a:pt x="138" y="56"/>
                    </a:lnTo>
                    <a:lnTo>
                      <a:pt x="172" y="66"/>
                    </a:lnTo>
                    <a:lnTo>
                      <a:pt x="208" y="77"/>
                    </a:lnTo>
                    <a:lnTo>
                      <a:pt x="247" y="86"/>
                    </a:lnTo>
                    <a:lnTo>
                      <a:pt x="286" y="96"/>
                    </a:lnTo>
                    <a:lnTo>
                      <a:pt x="328" y="103"/>
                    </a:lnTo>
                    <a:lnTo>
                      <a:pt x="377" y="108"/>
                    </a:lnTo>
                    <a:lnTo>
                      <a:pt x="425" y="112"/>
                    </a:lnTo>
                    <a:lnTo>
                      <a:pt x="468" y="112"/>
                    </a:lnTo>
                    <a:lnTo>
                      <a:pt x="521" y="112"/>
                    </a:lnTo>
                    <a:lnTo>
                      <a:pt x="580" y="103"/>
                    </a:lnTo>
                    <a:lnTo>
                      <a:pt x="625" y="97"/>
                    </a:lnTo>
                    <a:lnTo>
                      <a:pt x="657" y="90"/>
                    </a:lnTo>
                    <a:lnTo>
                      <a:pt x="697" y="80"/>
                    </a:lnTo>
                    <a:lnTo>
                      <a:pt x="729" y="70"/>
                    </a:lnTo>
                    <a:lnTo>
                      <a:pt x="760" y="59"/>
                    </a:lnTo>
                    <a:lnTo>
                      <a:pt x="798" y="44"/>
                    </a:lnTo>
                    <a:lnTo>
                      <a:pt x="826" y="33"/>
                    </a:lnTo>
                    <a:lnTo>
                      <a:pt x="852" y="20"/>
                    </a:lnTo>
                    <a:lnTo>
                      <a:pt x="875" y="12"/>
                    </a:lnTo>
                    <a:lnTo>
                      <a:pt x="892" y="0"/>
                    </a:lnTo>
                    <a:lnTo>
                      <a:pt x="899" y="28"/>
                    </a:lnTo>
                    <a:lnTo>
                      <a:pt x="903" y="56"/>
                    </a:lnTo>
                    <a:lnTo>
                      <a:pt x="904" y="80"/>
                    </a:lnTo>
                    <a:lnTo>
                      <a:pt x="910" y="125"/>
                    </a:lnTo>
                    <a:lnTo>
                      <a:pt x="911" y="157"/>
                    </a:lnTo>
                    <a:lnTo>
                      <a:pt x="914" y="188"/>
                    </a:lnTo>
                    <a:lnTo>
                      <a:pt x="914" y="214"/>
                    </a:lnTo>
                    <a:lnTo>
                      <a:pt x="910" y="258"/>
                    </a:lnTo>
                    <a:lnTo>
                      <a:pt x="908" y="290"/>
                    </a:lnTo>
                    <a:lnTo>
                      <a:pt x="904" y="328"/>
                    </a:lnTo>
                    <a:lnTo>
                      <a:pt x="897" y="371"/>
                    </a:lnTo>
                    <a:lnTo>
                      <a:pt x="892" y="407"/>
                    </a:lnTo>
                    <a:lnTo>
                      <a:pt x="878" y="460"/>
                    </a:lnTo>
                    <a:lnTo>
                      <a:pt x="865" y="502"/>
                    </a:lnTo>
                    <a:lnTo>
                      <a:pt x="850" y="541"/>
                    </a:lnTo>
                    <a:lnTo>
                      <a:pt x="836" y="576"/>
                    </a:lnTo>
                    <a:lnTo>
                      <a:pt x="816" y="618"/>
                    </a:lnTo>
                    <a:lnTo>
                      <a:pt x="797" y="657"/>
                    </a:lnTo>
                    <a:lnTo>
                      <a:pt x="777" y="690"/>
                    </a:lnTo>
                    <a:lnTo>
                      <a:pt x="755" y="723"/>
                    </a:lnTo>
                    <a:lnTo>
                      <a:pt x="728" y="764"/>
                    </a:lnTo>
                    <a:lnTo>
                      <a:pt x="697" y="806"/>
                    </a:lnTo>
                    <a:lnTo>
                      <a:pt x="668" y="838"/>
                    </a:lnTo>
                    <a:lnTo>
                      <a:pt x="636" y="873"/>
                    </a:lnTo>
                    <a:lnTo>
                      <a:pt x="599" y="905"/>
                    </a:lnTo>
                    <a:lnTo>
                      <a:pt x="562" y="936"/>
                    </a:lnTo>
                    <a:lnTo>
                      <a:pt x="534" y="959"/>
                    </a:lnTo>
                    <a:lnTo>
                      <a:pt x="507" y="980"/>
                    </a:lnTo>
                    <a:lnTo>
                      <a:pt x="475" y="1000"/>
                    </a:lnTo>
                    <a:lnTo>
                      <a:pt x="450" y="1018"/>
                    </a:lnTo>
                    <a:lnTo>
                      <a:pt x="423" y="1001"/>
                    </a:lnTo>
                    <a:lnTo>
                      <a:pt x="400" y="986"/>
                    </a:lnTo>
                    <a:lnTo>
                      <a:pt x="366" y="961"/>
                    </a:lnTo>
                    <a:lnTo>
                      <a:pt x="340" y="940"/>
                    </a:lnTo>
                    <a:lnTo>
                      <a:pt x="312" y="916"/>
                    </a:lnTo>
                    <a:lnTo>
                      <a:pt x="286" y="892"/>
                    </a:lnTo>
                    <a:lnTo>
                      <a:pt x="256" y="863"/>
                    </a:lnTo>
                    <a:lnTo>
                      <a:pt x="228" y="828"/>
                    </a:lnTo>
                    <a:lnTo>
                      <a:pt x="190" y="780"/>
                    </a:lnTo>
                    <a:lnTo>
                      <a:pt x="163" y="744"/>
                    </a:lnTo>
                    <a:lnTo>
                      <a:pt x="141" y="712"/>
                    </a:lnTo>
                    <a:lnTo>
                      <a:pt x="117" y="670"/>
                    </a:lnTo>
                    <a:lnTo>
                      <a:pt x="99" y="636"/>
                    </a:lnTo>
                    <a:lnTo>
                      <a:pt x="80" y="593"/>
                    </a:lnTo>
                    <a:lnTo>
                      <a:pt x="63" y="554"/>
                    </a:lnTo>
                    <a:lnTo>
                      <a:pt x="50" y="520"/>
                    </a:lnTo>
                    <a:lnTo>
                      <a:pt x="35" y="469"/>
                    </a:lnTo>
                    <a:lnTo>
                      <a:pt x="24" y="432"/>
                    </a:lnTo>
                    <a:lnTo>
                      <a:pt x="14" y="383"/>
                    </a:lnTo>
                    <a:lnTo>
                      <a:pt x="8" y="347"/>
                    </a:lnTo>
                    <a:lnTo>
                      <a:pt x="1" y="290"/>
                    </a:lnTo>
                    <a:lnTo>
                      <a:pt x="0" y="246"/>
                    </a:lnTo>
                    <a:lnTo>
                      <a:pt x="0" y="196"/>
                    </a:lnTo>
                    <a:lnTo>
                      <a:pt x="1" y="144"/>
                    </a:lnTo>
                    <a:lnTo>
                      <a:pt x="4" y="104"/>
                    </a:lnTo>
                    <a:lnTo>
                      <a:pt x="10" y="61"/>
                    </a:lnTo>
                    <a:lnTo>
                      <a:pt x="15" y="27"/>
                    </a:lnTo>
                    <a:lnTo>
                      <a:pt x="21" y="2"/>
                    </a:lnTo>
                  </a:path>
                </a:pathLst>
              </a:custGeom>
              <a:solidFill>
                <a:srgbClr val="B2B2B2"/>
              </a:solidFill>
              <a:ln w="12700" cap="rnd" cmpd="sng">
                <a:solidFill>
                  <a:srgbClr val="000000"/>
                </a:solidFill>
                <a:prstDash val="solid"/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lv-LV"/>
              </a:p>
            </p:txBody>
          </p:sp>
        </p:grpSp>
        <p:sp>
          <p:nvSpPr>
            <p:cNvPr id="8" name="Rectangle 11">
              <a:extLst>
                <a:ext uri="{FF2B5EF4-FFF2-40B4-BE49-F238E27FC236}">
                  <a16:creationId xmlns:a16="http://schemas.microsoft.com/office/drawing/2014/main" id="{553FF720-7ED3-4530-AFA1-97FA16F14FD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625" y="4779"/>
              <a:ext cx="2483" cy="923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CC99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lIns="92075" tIns="46038" rIns="92075" bIns="46038">
              <a:spAutoFit/>
            </a:bodyPr>
            <a:lstStyle/>
            <a:p>
              <a:r>
                <a:rPr lang="en-GB" altLang="lv-LV" sz="1600" b="1">
                  <a:solidFill>
                    <a:srgbClr val="000000"/>
                  </a:solidFill>
                  <a:latin typeface="Arial Alx Win95"/>
                </a:rPr>
                <a:t>Neklātiene (</a:t>
              </a:r>
              <a:r>
                <a:rPr lang="en-GB" altLang="lv-LV" sz="1600" b="1" i="1">
                  <a:solidFill>
                    <a:srgbClr val="000000"/>
                  </a:solidFill>
                  <a:latin typeface="Arial Alx Win95"/>
                </a:rPr>
                <a:t>distance</a:t>
              </a:r>
              <a:r>
                <a:rPr lang="en-GB" altLang="lv-LV" sz="1600" b="1">
                  <a:solidFill>
                    <a:srgbClr val="000000"/>
                  </a:solidFill>
                  <a:latin typeface="Arial Alx Win95"/>
                </a:rPr>
                <a:t>)</a:t>
              </a:r>
            </a:p>
          </p:txBody>
        </p:sp>
        <p:sp>
          <p:nvSpPr>
            <p:cNvPr id="9" name="Rectangle 12">
              <a:extLst>
                <a:ext uri="{FF2B5EF4-FFF2-40B4-BE49-F238E27FC236}">
                  <a16:creationId xmlns:a16="http://schemas.microsoft.com/office/drawing/2014/main" id="{97A986FF-82A3-41D0-A3BD-CA73BC4356F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8095" y="9100"/>
              <a:ext cx="2485" cy="53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CC99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lIns="92075" tIns="46038" rIns="92075" bIns="46038">
              <a:spAutoFit/>
            </a:bodyPr>
            <a:lstStyle/>
            <a:p>
              <a:r>
                <a:rPr lang="en-GB" altLang="lv-LV" sz="1600" b="1">
                  <a:solidFill>
                    <a:srgbClr val="000000"/>
                  </a:solidFill>
                  <a:latin typeface="Arial Alx Win95"/>
                </a:rPr>
                <a:t>Atklāts (</a:t>
              </a:r>
              <a:r>
                <a:rPr lang="en-GB" altLang="lv-LV" sz="1600" b="1" i="1">
                  <a:solidFill>
                    <a:srgbClr val="000000"/>
                  </a:solidFill>
                  <a:latin typeface="Arial Alx Win95"/>
                </a:rPr>
                <a:t>open</a:t>
              </a:r>
              <a:r>
                <a:rPr lang="en-GB" altLang="lv-LV" sz="1600" b="1">
                  <a:solidFill>
                    <a:srgbClr val="000000"/>
                  </a:solidFill>
                  <a:latin typeface="Arial Alx Win95"/>
                </a:rPr>
                <a:t>)</a:t>
              </a:r>
            </a:p>
          </p:txBody>
        </p:sp>
        <p:sp>
          <p:nvSpPr>
            <p:cNvPr id="10" name="Rectangle 13">
              <a:extLst>
                <a:ext uri="{FF2B5EF4-FFF2-40B4-BE49-F238E27FC236}">
                  <a16:creationId xmlns:a16="http://schemas.microsoft.com/office/drawing/2014/main" id="{88270E4B-2F3A-4F19-9670-5690D65CD20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078" y="9229"/>
              <a:ext cx="2207" cy="923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CC99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lIns="92075" tIns="46038" rIns="92075" bIns="46038">
              <a:spAutoFit/>
            </a:bodyPr>
            <a:lstStyle/>
            <a:p>
              <a:r>
                <a:rPr lang="en-GB" altLang="lv-LV" sz="1600" b="1">
                  <a:solidFill>
                    <a:srgbClr val="000000"/>
                  </a:solidFill>
                  <a:latin typeface="Arial Alx Win95"/>
                </a:rPr>
                <a:t>Elastīgs (</a:t>
              </a:r>
              <a:r>
                <a:rPr lang="en-GB" altLang="lv-LV" sz="1600" b="1" i="1">
                  <a:solidFill>
                    <a:srgbClr val="000000"/>
                  </a:solidFill>
                  <a:latin typeface="Arial Alx Win95"/>
                </a:rPr>
                <a:t>flexible</a:t>
              </a:r>
              <a:r>
                <a:rPr lang="en-GB" altLang="lv-LV" sz="1600" b="1">
                  <a:solidFill>
                    <a:srgbClr val="000000"/>
                  </a:solidFill>
                  <a:latin typeface="Arial Alx Win95"/>
                </a:rPr>
                <a:t>)</a:t>
              </a:r>
            </a:p>
          </p:txBody>
        </p:sp>
        <p:sp>
          <p:nvSpPr>
            <p:cNvPr id="11" name="Rectangle 14">
              <a:extLst>
                <a:ext uri="{FF2B5EF4-FFF2-40B4-BE49-F238E27FC236}">
                  <a16:creationId xmlns:a16="http://schemas.microsoft.com/office/drawing/2014/main" id="{8F84C4DE-F7EF-48C5-952E-A84605487D8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787" y="7981"/>
              <a:ext cx="3899" cy="726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CC99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lIns="92075" tIns="46038" rIns="92075" bIns="46038">
              <a:spAutoFit/>
            </a:bodyPr>
            <a:lstStyle/>
            <a:p>
              <a:r>
                <a:rPr lang="en-GB" altLang="lv-LV" b="1">
                  <a:solidFill>
                    <a:srgbClr val="FF00FF"/>
                  </a:solidFill>
                </a:rPr>
                <a:t>Tālmācība</a:t>
              </a:r>
              <a:endParaRPr lang="en-GB" altLang="lv-LV" sz="2000" b="1">
                <a:solidFill>
                  <a:srgbClr val="000000"/>
                </a:solidFill>
              </a:endParaRPr>
            </a:p>
          </p:txBody>
        </p:sp>
        <p:grpSp>
          <p:nvGrpSpPr>
            <p:cNvPr id="12" name="Group 15">
              <a:extLst>
                <a:ext uri="{FF2B5EF4-FFF2-40B4-BE49-F238E27FC236}">
                  <a16:creationId xmlns:a16="http://schemas.microsoft.com/office/drawing/2014/main" id="{5DD62A44-CD21-4AAB-BA64-7318C49CCFCC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8747" y="10900"/>
              <a:ext cx="2696" cy="878"/>
              <a:chOff x="2900" y="5169"/>
              <a:chExt cx="937" cy="319"/>
            </a:xfrm>
          </p:grpSpPr>
          <p:sp>
            <p:nvSpPr>
              <p:cNvPr id="29" name="AutoShape 16">
                <a:extLst>
                  <a:ext uri="{FF2B5EF4-FFF2-40B4-BE49-F238E27FC236}">
                    <a16:creationId xmlns:a16="http://schemas.microsoft.com/office/drawing/2014/main" id="{AD1E5D63-589E-4C5B-ACF3-58B7A078F0B7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00" y="5169"/>
                <a:ext cx="937" cy="319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30" name="Rectangle 17">
                <a:extLst>
                  <a:ext uri="{FF2B5EF4-FFF2-40B4-BE49-F238E27FC236}">
                    <a16:creationId xmlns:a16="http://schemas.microsoft.com/office/drawing/2014/main" id="{37D24923-8DA8-44EB-A77E-017049917884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25" y="5172"/>
                <a:ext cx="865" cy="158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lIns="92075" tIns="46038" rIns="92075" bIns="46038">
                <a:spAutoFit/>
              </a:bodyPr>
              <a:lstStyle/>
              <a:p>
                <a:r>
                  <a:rPr lang="en-GB" altLang="lv-LV" sz="1200" b="1">
                    <a:solidFill>
                      <a:srgbClr val="000000"/>
                    </a:solidFill>
                    <a:latin typeface="Arial Alx Win95"/>
                  </a:rPr>
                  <a:t>Atklāti klātienes kursi</a:t>
                </a:r>
                <a:endParaRPr lang="en-GB" altLang="lv-LV" sz="1000">
                  <a:solidFill>
                    <a:srgbClr val="000000"/>
                  </a:solidFill>
                  <a:latin typeface="Arial Alx Win95"/>
                </a:endParaRPr>
              </a:p>
            </p:txBody>
          </p:sp>
        </p:grpSp>
        <p:grpSp>
          <p:nvGrpSpPr>
            <p:cNvPr id="13" name="Group 18">
              <a:extLst>
                <a:ext uri="{FF2B5EF4-FFF2-40B4-BE49-F238E27FC236}">
                  <a16:creationId xmlns:a16="http://schemas.microsoft.com/office/drawing/2014/main" id="{3696BBAA-0C15-4A39-B84C-35CAD6BB994D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5244" y="10828"/>
              <a:ext cx="2771" cy="916"/>
              <a:chOff x="1677" y="5250"/>
              <a:chExt cx="963" cy="440"/>
            </a:xfrm>
          </p:grpSpPr>
          <p:sp>
            <p:nvSpPr>
              <p:cNvPr id="27" name="AutoShape 19">
                <a:extLst>
                  <a:ext uri="{FF2B5EF4-FFF2-40B4-BE49-F238E27FC236}">
                    <a16:creationId xmlns:a16="http://schemas.microsoft.com/office/drawing/2014/main" id="{94D01EFA-6EFA-4186-B5BE-DDB108679572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1689" y="5258"/>
                <a:ext cx="929" cy="432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28" name="Rectangle 20">
                <a:extLst>
                  <a:ext uri="{FF2B5EF4-FFF2-40B4-BE49-F238E27FC236}">
                    <a16:creationId xmlns:a16="http://schemas.microsoft.com/office/drawing/2014/main" id="{19E20E8B-95C8-44D4-BBEE-0EBBE2ED793F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1677" y="5250"/>
                <a:ext cx="963" cy="348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lIns="92075" tIns="46038" rIns="92075" bIns="46038">
                <a:spAutoFit/>
              </a:bodyPr>
              <a:lstStyle/>
              <a:p>
                <a:r>
                  <a:rPr lang="en-GB" altLang="lv-LV" sz="1200" b="1">
                    <a:solidFill>
                      <a:srgbClr val="000000"/>
                    </a:solidFill>
                    <a:latin typeface="Arial Alx Win95"/>
                  </a:rPr>
                  <a:t>Atklāti klātienes kursi ar elastīgu pieeju</a:t>
                </a:r>
              </a:p>
            </p:txBody>
          </p:sp>
        </p:grpSp>
        <p:grpSp>
          <p:nvGrpSpPr>
            <p:cNvPr id="14" name="Group 21">
              <a:extLst>
                <a:ext uri="{FF2B5EF4-FFF2-40B4-BE49-F238E27FC236}">
                  <a16:creationId xmlns:a16="http://schemas.microsoft.com/office/drawing/2014/main" id="{25A50960-6C4E-4BFC-A3A6-3289C5B38772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7752" y="6327"/>
              <a:ext cx="4218" cy="1149"/>
              <a:chOff x="2838" y="3465"/>
              <a:chExt cx="863" cy="469"/>
            </a:xfrm>
          </p:grpSpPr>
          <p:sp>
            <p:nvSpPr>
              <p:cNvPr id="25" name="AutoShape 22">
                <a:extLst>
                  <a:ext uri="{FF2B5EF4-FFF2-40B4-BE49-F238E27FC236}">
                    <a16:creationId xmlns:a16="http://schemas.microsoft.com/office/drawing/2014/main" id="{7DE65466-F4AE-4190-A3B7-D52EE4B6F77D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49" y="3465"/>
                <a:ext cx="641" cy="469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26" name="Rectangle 23">
                <a:extLst>
                  <a:ext uri="{FF2B5EF4-FFF2-40B4-BE49-F238E27FC236}">
                    <a16:creationId xmlns:a16="http://schemas.microsoft.com/office/drawing/2014/main" id="{4D4C2490-A1D7-4B30-8992-A4C91D032839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838" y="3485"/>
                <a:ext cx="863" cy="178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lIns="92075" tIns="46038" rIns="92075" bIns="46038">
                <a:spAutoFit/>
              </a:bodyPr>
              <a:lstStyle/>
              <a:p>
                <a:r>
                  <a:rPr lang="en-GB" altLang="lv-LV" sz="1200" b="1">
                    <a:solidFill>
                      <a:srgbClr val="000000"/>
                    </a:solidFill>
                    <a:latin typeface="Arial Alx Win95"/>
                  </a:rPr>
                  <a:t>Atklātā neklātienes skola</a:t>
                </a:r>
                <a:endParaRPr lang="en-GB" altLang="lv-LV" sz="1000">
                  <a:solidFill>
                    <a:srgbClr val="000000"/>
                  </a:solidFill>
                  <a:latin typeface="Arial Alx Win95"/>
                </a:endParaRPr>
              </a:p>
            </p:txBody>
          </p:sp>
        </p:grpSp>
        <p:grpSp>
          <p:nvGrpSpPr>
            <p:cNvPr id="15" name="Group 24">
              <a:extLst>
                <a:ext uri="{FF2B5EF4-FFF2-40B4-BE49-F238E27FC236}">
                  <a16:creationId xmlns:a16="http://schemas.microsoft.com/office/drawing/2014/main" id="{0311E352-5202-4CD3-AE25-113E54660249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1516" y="10315"/>
              <a:ext cx="2483" cy="1484"/>
              <a:chOff x="387" y="4957"/>
              <a:chExt cx="863" cy="614"/>
            </a:xfrm>
          </p:grpSpPr>
          <p:sp>
            <p:nvSpPr>
              <p:cNvPr id="23" name="AutoShape 25">
                <a:extLst>
                  <a:ext uri="{FF2B5EF4-FFF2-40B4-BE49-F238E27FC236}">
                    <a16:creationId xmlns:a16="http://schemas.microsoft.com/office/drawing/2014/main" id="{AF825544-8114-43B7-8E71-1AFD99887FBB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393" y="4957"/>
                <a:ext cx="837" cy="614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24" name="Rectangle 26">
                <a:extLst>
                  <a:ext uri="{FF2B5EF4-FFF2-40B4-BE49-F238E27FC236}">
                    <a16:creationId xmlns:a16="http://schemas.microsoft.com/office/drawing/2014/main" id="{C155C3B7-BCFC-41EF-B170-F5ECEAC5D19C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387" y="4958"/>
                <a:ext cx="863" cy="421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lIns="92075" tIns="46038" rIns="92075" bIns="46038">
                <a:spAutoFit/>
              </a:bodyPr>
              <a:lstStyle/>
              <a:p>
                <a:r>
                  <a:rPr lang="en-GB" altLang="lv-LV" sz="1200" b="1">
                    <a:solidFill>
                      <a:srgbClr val="000000"/>
                    </a:solidFill>
                    <a:latin typeface="Arial Alx Win95"/>
                  </a:rPr>
                  <a:t>Modernā tehnoloģija un metodika skolā un augstskolā</a:t>
                </a:r>
                <a:endParaRPr lang="en-GB" altLang="lv-LV" sz="1000">
                  <a:solidFill>
                    <a:srgbClr val="000000"/>
                  </a:solidFill>
                  <a:latin typeface="Arial Alx Win95"/>
                </a:endParaRPr>
              </a:p>
            </p:txBody>
          </p:sp>
        </p:grpSp>
        <p:grpSp>
          <p:nvGrpSpPr>
            <p:cNvPr id="16" name="Group 27">
              <a:extLst>
                <a:ext uri="{FF2B5EF4-FFF2-40B4-BE49-F238E27FC236}">
                  <a16:creationId xmlns:a16="http://schemas.microsoft.com/office/drawing/2014/main" id="{35CFD70C-DA79-429A-A855-D15D81FC09E3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3237" y="4044"/>
              <a:ext cx="1997" cy="1270"/>
              <a:chOff x="985" y="2681"/>
              <a:chExt cx="694" cy="461"/>
            </a:xfrm>
          </p:grpSpPr>
          <p:sp>
            <p:nvSpPr>
              <p:cNvPr id="21" name="AutoShape 28">
                <a:extLst>
                  <a:ext uri="{FF2B5EF4-FFF2-40B4-BE49-F238E27FC236}">
                    <a16:creationId xmlns:a16="http://schemas.microsoft.com/office/drawing/2014/main" id="{A03332B8-7091-49AF-BDEF-F833B5E294F5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992" y="2681"/>
                <a:ext cx="683" cy="461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22" name="Rectangle 29">
                <a:extLst>
                  <a:ext uri="{FF2B5EF4-FFF2-40B4-BE49-F238E27FC236}">
                    <a16:creationId xmlns:a16="http://schemas.microsoft.com/office/drawing/2014/main" id="{74CAE7A6-16E2-4F18-AE1C-4D53029B1FC8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985" y="2683"/>
                <a:ext cx="694" cy="264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lIns="92075" tIns="46038" rIns="92075" bIns="46038">
                <a:spAutoFit/>
              </a:bodyPr>
              <a:lstStyle/>
              <a:p>
                <a:endParaRPr lang="en-GB" altLang="lv-LV" sz="1200" b="1">
                  <a:solidFill>
                    <a:srgbClr val="000000"/>
                  </a:solidFill>
                  <a:latin typeface="Arial Alx Win95"/>
                </a:endParaRPr>
              </a:p>
              <a:p>
                <a:r>
                  <a:rPr lang="en-GB" altLang="lv-LV" sz="1200" b="1">
                    <a:solidFill>
                      <a:srgbClr val="000000"/>
                    </a:solidFill>
                    <a:latin typeface="Arial Alx Win95"/>
                  </a:rPr>
                  <a:t>Neklātiene </a:t>
                </a:r>
                <a:endParaRPr lang="en-GB" altLang="lv-LV" sz="1000">
                  <a:solidFill>
                    <a:srgbClr val="000000"/>
                  </a:solidFill>
                  <a:latin typeface="Arial Alx Win95"/>
                </a:endParaRPr>
              </a:p>
            </p:txBody>
          </p:sp>
        </p:grpSp>
        <p:grpSp>
          <p:nvGrpSpPr>
            <p:cNvPr id="17" name="Group 30">
              <a:extLst>
                <a:ext uri="{FF2B5EF4-FFF2-40B4-BE49-F238E27FC236}">
                  <a16:creationId xmlns:a16="http://schemas.microsoft.com/office/drawing/2014/main" id="{C39BC97E-333C-448C-8BAF-CF83C1C3AAB3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1653" y="6327"/>
              <a:ext cx="2989" cy="1235"/>
              <a:chOff x="429" y="3502"/>
              <a:chExt cx="1039" cy="448"/>
            </a:xfrm>
          </p:grpSpPr>
          <p:sp>
            <p:nvSpPr>
              <p:cNvPr id="19" name="AutoShape 31">
                <a:extLst>
                  <a:ext uri="{FF2B5EF4-FFF2-40B4-BE49-F238E27FC236}">
                    <a16:creationId xmlns:a16="http://schemas.microsoft.com/office/drawing/2014/main" id="{07135F48-03A6-42EC-9D42-A1FA7C44B998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77" y="3509"/>
                <a:ext cx="932" cy="441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20" name="Rectangle 32">
                <a:extLst>
                  <a:ext uri="{FF2B5EF4-FFF2-40B4-BE49-F238E27FC236}">
                    <a16:creationId xmlns:a16="http://schemas.microsoft.com/office/drawing/2014/main" id="{FC21688E-6C63-4B21-844F-86C30EC5E14A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29" y="3502"/>
                <a:ext cx="1039" cy="263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lIns="92075" tIns="46038" rIns="92075" bIns="46038">
                <a:spAutoFit/>
              </a:bodyPr>
              <a:lstStyle/>
              <a:p>
                <a:r>
                  <a:rPr lang="en-GB" altLang="lv-LV" sz="1200" b="1">
                    <a:solidFill>
                      <a:srgbClr val="000000"/>
                    </a:solidFill>
                    <a:latin typeface="Arial Alx Win95"/>
                  </a:rPr>
                  <a:t>Videokonferences skolai un augstskolai </a:t>
                </a:r>
              </a:p>
            </p:txBody>
          </p:sp>
        </p:grpSp>
        <p:sp>
          <p:nvSpPr>
            <p:cNvPr id="18" name="Rectangle 33">
              <a:extLst>
                <a:ext uri="{FF2B5EF4-FFF2-40B4-BE49-F238E27FC236}">
                  <a16:creationId xmlns:a16="http://schemas.microsoft.com/office/drawing/2014/main" id="{507A0F32-51AF-46C4-A250-30A86F410F4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232" y="9312"/>
              <a:ext cx="2852" cy="388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CC99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lIns="92075" tIns="46038" rIns="92075" bIns="46038">
              <a:spAutoFit/>
            </a:bodyPr>
            <a:lstStyle/>
            <a:p>
              <a:pPr algn="l"/>
              <a:endParaRPr lang="en-GB" altLang="lv-LV" sz="1000"/>
            </a:p>
          </p:txBody>
        </p:sp>
      </p:grpSp>
    </p:spTree>
    <p:extLst>
      <p:ext uri="{BB962C8B-B14F-4D97-AF65-F5344CB8AC3E}">
        <p14:creationId xmlns:p14="http://schemas.microsoft.com/office/powerpoint/2010/main" val="2351383709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numura vietturis 1">
            <a:extLst>
              <a:ext uri="{FF2B5EF4-FFF2-40B4-BE49-F238E27FC236}">
                <a16:creationId xmlns:a16="http://schemas.microsoft.com/office/drawing/2014/main" id="{6F00689F-59E3-4498-8D46-7783027EDAC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C211C14-DBFE-4749-A32C-5BAFE36B542C}" type="slidenum">
              <a:rPr lang="lv-LV" altLang="lv-LV" smtClean="0"/>
              <a:pPr>
                <a:defRPr/>
              </a:pPr>
              <a:t>16</a:t>
            </a:fld>
            <a:endParaRPr lang="lv-LV" altLang="lv-LV"/>
          </a:p>
        </p:txBody>
      </p:sp>
      <p:grpSp>
        <p:nvGrpSpPr>
          <p:cNvPr id="3" name="Group 2">
            <a:extLst>
              <a:ext uri="{FF2B5EF4-FFF2-40B4-BE49-F238E27FC236}">
                <a16:creationId xmlns:a16="http://schemas.microsoft.com/office/drawing/2014/main" id="{8E4C6C94-1547-4D13-8052-98424DBF0442}"/>
              </a:ext>
            </a:extLst>
          </p:cNvPr>
          <p:cNvGrpSpPr>
            <a:grpSpLocks/>
          </p:cNvGrpSpPr>
          <p:nvPr/>
        </p:nvGrpSpPr>
        <p:grpSpPr bwMode="auto">
          <a:xfrm>
            <a:off x="731312" y="685800"/>
            <a:ext cx="7606238" cy="5181600"/>
            <a:chOff x="1367" y="3821"/>
            <a:chExt cx="10603" cy="8229"/>
          </a:xfrm>
        </p:grpSpPr>
        <p:sp>
          <p:nvSpPr>
            <p:cNvPr id="4" name="Oval 3">
              <a:extLst>
                <a:ext uri="{FF2B5EF4-FFF2-40B4-BE49-F238E27FC236}">
                  <a16:creationId xmlns:a16="http://schemas.microsoft.com/office/drawing/2014/main" id="{D96A043E-1CB1-4FC2-B5DA-4CA69697869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953" y="3821"/>
              <a:ext cx="5392" cy="5202"/>
            </a:xfrm>
            <a:prstGeom prst="ellipse">
              <a:avLst/>
            </a:prstGeom>
            <a:solidFill>
              <a:srgbClr val="F0F0F0"/>
            </a:solidFill>
            <a:ln w="12700">
              <a:solidFill>
                <a:srgbClr val="000000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lv-LV"/>
            </a:p>
          </p:txBody>
        </p:sp>
        <p:sp>
          <p:nvSpPr>
            <p:cNvPr id="5" name="Oval 4">
              <a:extLst>
                <a:ext uri="{FF2B5EF4-FFF2-40B4-BE49-F238E27FC236}">
                  <a16:creationId xmlns:a16="http://schemas.microsoft.com/office/drawing/2014/main" id="{F39117A1-551D-4252-A8F6-18CBFD56D7BB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575" y="6670"/>
              <a:ext cx="5392" cy="5380"/>
            </a:xfrm>
            <a:prstGeom prst="ellipse">
              <a:avLst/>
            </a:prstGeom>
            <a:solidFill>
              <a:srgbClr val="F0F0F0"/>
            </a:solidFill>
            <a:ln w="12700">
              <a:solidFill>
                <a:srgbClr val="000000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lv-LV"/>
            </a:p>
          </p:txBody>
        </p:sp>
        <p:sp>
          <p:nvSpPr>
            <p:cNvPr id="6" name="Oval 5">
              <a:extLst>
                <a:ext uri="{FF2B5EF4-FFF2-40B4-BE49-F238E27FC236}">
                  <a16:creationId xmlns:a16="http://schemas.microsoft.com/office/drawing/2014/main" id="{57693C34-7E33-4192-BA94-6087D0A4447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340" y="6703"/>
              <a:ext cx="5398" cy="5211"/>
            </a:xfrm>
            <a:prstGeom prst="ellipse">
              <a:avLst/>
            </a:prstGeom>
            <a:solidFill>
              <a:srgbClr val="F0F0F0"/>
            </a:solidFill>
            <a:ln w="12700">
              <a:solidFill>
                <a:srgbClr val="000000"/>
              </a:solidFill>
              <a:round/>
              <a:headEnd/>
              <a:tailEnd/>
            </a:ln>
            <a:effectLst/>
            <a:extLs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wrap="none" anchor="ctr"/>
            <a:lstStyle/>
            <a:p>
              <a:endParaRPr lang="lv-LV"/>
            </a:p>
          </p:txBody>
        </p:sp>
        <p:grpSp>
          <p:nvGrpSpPr>
            <p:cNvPr id="7" name="Group 6">
              <a:extLst>
                <a:ext uri="{FF2B5EF4-FFF2-40B4-BE49-F238E27FC236}">
                  <a16:creationId xmlns:a16="http://schemas.microsoft.com/office/drawing/2014/main" id="{A1E86518-64FA-4741-9DB0-B84E00B0E893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4014" y="6670"/>
              <a:ext cx="5271" cy="4863"/>
              <a:chOff x="1255" y="3634"/>
              <a:chExt cx="1832" cy="1765"/>
            </a:xfrm>
          </p:grpSpPr>
          <p:sp>
            <p:nvSpPr>
              <p:cNvPr id="31" name="Freeform 7">
                <a:extLst>
                  <a:ext uri="{FF2B5EF4-FFF2-40B4-BE49-F238E27FC236}">
                    <a16:creationId xmlns:a16="http://schemas.microsoft.com/office/drawing/2014/main" id="{25E086BE-637D-4367-91F5-ECCCDF25C0A7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734" y="3770"/>
                <a:ext cx="876" cy="723"/>
              </a:xfrm>
              <a:custGeom>
                <a:avLst/>
                <a:gdLst>
                  <a:gd name="T0" fmla="*/ 445 w 876"/>
                  <a:gd name="T1" fmla="*/ 0 h 723"/>
                  <a:gd name="T2" fmla="*/ 420 w 876"/>
                  <a:gd name="T3" fmla="*/ 15 h 723"/>
                  <a:gd name="T4" fmla="*/ 392 w 876"/>
                  <a:gd name="T5" fmla="*/ 35 h 723"/>
                  <a:gd name="T6" fmla="*/ 361 w 876"/>
                  <a:gd name="T7" fmla="*/ 57 h 723"/>
                  <a:gd name="T8" fmla="*/ 334 w 876"/>
                  <a:gd name="T9" fmla="*/ 77 h 723"/>
                  <a:gd name="T10" fmla="*/ 308 w 876"/>
                  <a:gd name="T11" fmla="*/ 100 h 723"/>
                  <a:gd name="T12" fmla="*/ 287 w 876"/>
                  <a:gd name="T13" fmla="*/ 120 h 723"/>
                  <a:gd name="T14" fmla="*/ 260 w 876"/>
                  <a:gd name="T15" fmla="*/ 145 h 723"/>
                  <a:gd name="T16" fmla="*/ 237 w 876"/>
                  <a:gd name="T17" fmla="*/ 167 h 723"/>
                  <a:gd name="T18" fmla="*/ 209 w 876"/>
                  <a:gd name="T19" fmla="*/ 200 h 723"/>
                  <a:gd name="T20" fmla="*/ 184 w 876"/>
                  <a:gd name="T21" fmla="*/ 230 h 723"/>
                  <a:gd name="T22" fmla="*/ 161 w 876"/>
                  <a:gd name="T23" fmla="*/ 257 h 723"/>
                  <a:gd name="T24" fmla="*/ 135 w 876"/>
                  <a:gd name="T25" fmla="*/ 293 h 723"/>
                  <a:gd name="T26" fmla="*/ 114 w 876"/>
                  <a:gd name="T27" fmla="*/ 324 h 723"/>
                  <a:gd name="T28" fmla="*/ 96 w 876"/>
                  <a:gd name="T29" fmla="*/ 356 h 723"/>
                  <a:gd name="T30" fmla="*/ 76 w 876"/>
                  <a:gd name="T31" fmla="*/ 391 h 723"/>
                  <a:gd name="T32" fmla="*/ 59 w 876"/>
                  <a:gd name="T33" fmla="*/ 425 h 723"/>
                  <a:gd name="T34" fmla="*/ 41 w 876"/>
                  <a:gd name="T35" fmla="*/ 468 h 723"/>
                  <a:gd name="T36" fmla="*/ 27 w 876"/>
                  <a:gd name="T37" fmla="*/ 510 h 723"/>
                  <a:gd name="T38" fmla="*/ 14 w 876"/>
                  <a:gd name="T39" fmla="*/ 550 h 723"/>
                  <a:gd name="T40" fmla="*/ 7 w 876"/>
                  <a:gd name="T41" fmla="*/ 583 h 723"/>
                  <a:gd name="T42" fmla="*/ 0 w 876"/>
                  <a:gd name="T43" fmla="*/ 610 h 723"/>
                  <a:gd name="T44" fmla="*/ 31 w 876"/>
                  <a:gd name="T45" fmla="*/ 630 h 723"/>
                  <a:gd name="T46" fmla="*/ 69 w 876"/>
                  <a:gd name="T47" fmla="*/ 645 h 723"/>
                  <a:gd name="T48" fmla="*/ 112 w 876"/>
                  <a:gd name="T49" fmla="*/ 662 h 723"/>
                  <a:gd name="T50" fmla="*/ 160 w 876"/>
                  <a:gd name="T51" fmla="*/ 678 h 723"/>
                  <a:gd name="T52" fmla="*/ 214 w 876"/>
                  <a:gd name="T53" fmla="*/ 694 h 723"/>
                  <a:gd name="T54" fmla="*/ 267 w 876"/>
                  <a:gd name="T55" fmla="*/ 706 h 723"/>
                  <a:gd name="T56" fmla="*/ 309 w 876"/>
                  <a:gd name="T57" fmla="*/ 713 h 723"/>
                  <a:gd name="T58" fmla="*/ 354 w 876"/>
                  <a:gd name="T59" fmla="*/ 718 h 723"/>
                  <a:gd name="T60" fmla="*/ 399 w 876"/>
                  <a:gd name="T61" fmla="*/ 721 h 723"/>
                  <a:gd name="T62" fmla="*/ 438 w 876"/>
                  <a:gd name="T63" fmla="*/ 722 h 723"/>
                  <a:gd name="T64" fmla="*/ 488 w 876"/>
                  <a:gd name="T65" fmla="*/ 721 h 723"/>
                  <a:gd name="T66" fmla="*/ 540 w 876"/>
                  <a:gd name="T67" fmla="*/ 714 h 723"/>
                  <a:gd name="T68" fmla="*/ 597 w 876"/>
                  <a:gd name="T69" fmla="*/ 707 h 723"/>
                  <a:gd name="T70" fmla="*/ 646 w 876"/>
                  <a:gd name="T71" fmla="*/ 697 h 723"/>
                  <a:gd name="T72" fmla="*/ 687 w 876"/>
                  <a:gd name="T73" fmla="*/ 687 h 723"/>
                  <a:gd name="T74" fmla="*/ 730 w 876"/>
                  <a:gd name="T75" fmla="*/ 673 h 723"/>
                  <a:gd name="T76" fmla="*/ 761 w 876"/>
                  <a:gd name="T77" fmla="*/ 661 h 723"/>
                  <a:gd name="T78" fmla="*/ 794 w 876"/>
                  <a:gd name="T79" fmla="*/ 648 h 723"/>
                  <a:gd name="T80" fmla="*/ 825 w 876"/>
                  <a:gd name="T81" fmla="*/ 636 h 723"/>
                  <a:gd name="T82" fmla="*/ 859 w 876"/>
                  <a:gd name="T83" fmla="*/ 619 h 723"/>
                  <a:gd name="T84" fmla="*/ 875 w 876"/>
                  <a:gd name="T85" fmla="*/ 609 h 723"/>
                  <a:gd name="T86" fmla="*/ 870 w 876"/>
                  <a:gd name="T87" fmla="*/ 574 h 723"/>
                  <a:gd name="T88" fmla="*/ 860 w 876"/>
                  <a:gd name="T89" fmla="*/ 539 h 723"/>
                  <a:gd name="T90" fmla="*/ 849 w 876"/>
                  <a:gd name="T91" fmla="*/ 503 h 723"/>
                  <a:gd name="T92" fmla="*/ 831 w 876"/>
                  <a:gd name="T93" fmla="*/ 455 h 723"/>
                  <a:gd name="T94" fmla="*/ 807 w 876"/>
                  <a:gd name="T95" fmla="*/ 406 h 723"/>
                  <a:gd name="T96" fmla="*/ 779 w 876"/>
                  <a:gd name="T97" fmla="*/ 353 h 723"/>
                  <a:gd name="T98" fmla="*/ 755 w 876"/>
                  <a:gd name="T99" fmla="*/ 316 h 723"/>
                  <a:gd name="T100" fmla="*/ 730 w 876"/>
                  <a:gd name="T101" fmla="*/ 275 h 723"/>
                  <a:gd name="T102" fmla="*/ 709 w 876"/>
                  <a:gd name="T103" fmla="*/ 244 h 723"/>
                  <a:gd name="T104" fmla="*/ 677 w 876"/>
                  <a:gd name="T105" fmla="*/ 204 h 723"/>
                  <a:gd name="T106" fmla="*/ 652 w 876"/>
                  <a:gd name="T107" fmla="*/ 173 h 723"/>
                  <a:gd name="T108" fmla="*/ 624 w 876"/>
                  <a:gd name="T109" fmla="*/ 145 h 723"/>
                  <a:gd name="T110" fmla="*/ 586 w 876"/>
                  <a:gd name="T111" fmla="*/ 109 h 723"/>
                  <a:gd name="T112" fmla="*/ 559 w 876"/>
                  <a:gd name="T113" fmla="*/ 85 h 723"/>
                  <a:gd name="T114" fmla="*/ 527 w 876"/>
                  <a:gd name="T115" fmla="*/ 58 h 723"/>
                  <a:gd name="T116" fmla="*/ 487 w 876"/>
                  <a:gd name="T117" fmla="*/ 28 h 723"/>
                  <a:gd name="T118" fmla="*/ 445 w 876"/>
                  <a:gd name="T119" fmla="*/ 0 h 723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  <a:cxn ang="0">
                    <a:pos x="T44" y="T45"/>
                  </a:cxn>
                  <a:cxn ang="0">
                    <a:pos x="T46" y="T47"/>
                  </a:cxn>
                  <a:cxn ang="0">
                    <a:pos x="T48" y="T49"/>
                  </a:cxn>
                  <a:cxn ang="0">
                    <a:pos x="T50" y="T51"/>
                  </a:cxn>
                  <a:cxn ang="0">
                    <a:pos x="T52" y="T53"/>
                  </a:cxn>
                  <a:cxn ang="0">
                    <a:pos x="T54" y="T55"/>
                  </a:cxn>
                  <a:cxn ang="0">
                    <a:pos x="T56" y="T57"/>
                  </a:cxn>
                  <a:cxn ang="0">
                    <a:pos x="T58" y="T59"/>
                  </a:cxn>
                  <a:cxn ang="0">
                    <a:pos x="T60" y="T61"/>
                  </a:cxn>
                  <a:cxn ang="0">
                    <a:pos x="T62" y="T63"/>
                  </a:cxn>
                  <a:cxn ang="0">
                    <a:pos x="T64" y="T65"/>
                  </a:cxn>
                  <a:cxn ang="0">
                    <a:pos x="T66" y="T67"/>
                  </a:cxn>
                  <a:cxn ang="0">
                    <a:pos x="T68" y="T69"/>
                  </a:cxn>
                  <a:cxn ang="0">
                    <a:pos x="T70" y="T71"/>
                  </a:cxn>
                  <a:cxn ang="0">
                    <a:pos x="T72" y="T73"/>
                  </a:cxn>
                  <a:cxn ang="0">
                    <a:pos x="T74" y="T75"/>
                  </a:cxn>
                  <a:cxn ang="0">
                    <a:pos x="T76" y="T77"/>
                  </a:cxn>
                  <a:cxn ang="0">
                    <a:pos x="T78" y="T79"/>
                  </a:cxn>
                  <a:cxn ang="0">
                    <a:pos x="T80" y="T81"/>
                  </a:cxn>
                  <a:cxn ang="0">
                    <a:pos x="T82" y="T83"/>
                  </a:cxn>
                  <a:cxn ang="0">
                    <a:pos x="T84" y="T85"/>
                  </a:cxn>
                  <a:cxn ang="0">
                    <a:pos x="T86" y="T87"/>
                  </a:cxn>
                  <a:cxn ang="0">
                    <a:pos x="T88" y="T89"/>
                  </a:cxn>
                  <a:cxn ang="0">
                    <a:pos x="T90" y="T91"/>
                  </a:cxn>
                  <a:cxn ang="0">
                    <a:pos x="T92" y="T93"/>
                  </a:cxn>
                  <a:cxn ang="0">
                    <a:pos x="T94" y="T95"/>
                  </a:cxn>
                  <a:cxn ang="0">
                    <a:pos x="T96" y="T97"/>
                  </a:cxn>
                  <a:cxn ang="0">
                    <a:pos x="T98" y="T99"/>
                  </a:cxn>
                  <a:cxn ang="0">
                    <a:pos x="T100" y="T101"/>
                  </a:cxn>
                  <a:cxn ang="0">
                    <a:pos x="T102" y="T103"/>
                  </a:cxn>
                  <a:cxn ang="0">
                    <a:pos x="T104" y="T105"/>
                  </a:cxn>
                  <a:cxn ang="0">
                    <a:pos x="T106" y="T107"/>
                  </a:cxn>
                  <a:cxn ang="0">
                    <a:pos x="T108" y="T109"/>
                  </a:cxn>
                  <a:cxn ang="0">
                    <a:pos x="T110" y="T111"/>
                  </a:cxn>
                  <a:cxn ang="0">
                    <a:pos x="T112" y="T113"/>
                  </a:cxn>
                  <a:cxn ang="0">
                    <a:pos x="T114" y="T115"/>
                  </a:cxn>
                  <a:cxn ang="0">
                    <a:pos x="T116" y="T117"/>
                  </a:cxn>
                  <a:cxn ang="0">
                    <a:pos x="T118" y="T119"/>
                  </a:cxn>
                </a:cxnLst>
                <a:rect l="0" t="0" r="r" b="b"/>
                <a:pathLst>
                  <a:path w="876" h="723">
                    <a:moveTo>
                      <a:pt x="445" y="0"/>
                    </a:moveTo>
                    <a:lnTo>
                      <a:pt x="420" y="15"/>
                    </a:lnTo>
                    <a:lnTo>
                      <a:pt x="392" y="35"/>
                    </a:lnTo>
                    <a:lnTo>
                      <a:pt x="361" y="57"/>
                    </a:lnTo>
                    <a:lnTo>
                      <a:pt x="334" y="77"/>
                    </a:lnTo>
                    <a:lnTo>
                      <a:pt x="308" y="100"/>
                    </a:lnTo>
                    <a:lnTo>
                      <a:pt x="287" y="120"/>
                    </a:lnTo>
                    <a:lnTo>
                      <a:pt x="260" y="145"/>
                    </a:lnTo>
                    <a:lnTo>
                      <a:pt x="237" y="167"/>
                    </a:lnTo>
                    <a:lnTo>
                      <a:pt x="209" y="200"/>
                    </a:lnTo>
                    <a:lnTo>
                      <a:pt x="184" y="230"/>
                    </a:lnTo>
                    <a:lnTo>
                      <a:pt x="161" y="257"/>
                    </a:lnTo>
                    <a:lnTo>
                      <a:pt x="135" y="293"/>
                    </a:lnTo>
                    <a:lnTo>
                      <a:pt x="114" y="324"/>
                    </a:lnTo>
                    <a:lnTo>
                      <a:pt x="96" y="356"/>
                    </a:lnTo>
                    <a:lnTo>
                      <a:pt x="76" y="391"/>
                    </a:lnTo>
                    <a:lnTo>
                      <a:pt x="59" y="425"/>
                    </a:lnTo>
                    <a:lnTo>
                      <a:pt x="41" y="468"/>
                    </a:lnTo>
                    <a:lnTo>
                      <a:pt x="27" y="510"/>
                    </a:lnTo>
                    <a:lnTo>
                      <a:pt x="14" y="550"/>
                    </a:lnTo>
                    <a:lnTo>
                      <a:pt x="7" y="583"/>
                    </a:lnTo>
                    <a:lnTo>
                      <a:pt x="0" y="610"/>
                    </a:lnTo>
                    <a:lnTo>
                      <a:pt x="31" y="630"/>
                    </a:lnTo>
                    <a:lnTo>
                      <a:pt x="69" y="645"/>
                    </a:lnTo>
                    <a:lnTo>
                      <a:pt x="112" y="662"/>
                    </a:lnTo>
                    <a:lnTo>
                      <a:pt x="160" y="678"/>
                    </a:lnTo>
                    <a:lnTo>
                      <a:pt x="214" y="694"/>
                    </a:lnTo>
                    <a:lnTo>
                      <a:pt x="267" y="706"/>
                    </a:lnTo>
                    <a:lnTo>
                      <a:pt x="309" y="713"/>
                    </a:lnTo>
                    <a:lnTo>
                      <a:pt x="354" y="718"/>
                    </a:lnTo>
                    <a:lnTo>
                      <a:pt x="399" y="721"/>
                    </a:lnTo>
                    <a:lnTo>
                      <a:pt x="438" y="722"/>
                    </a:lnTo>
                    <a:lnTo>
                      <a:pt x="488" y="721"/>
                    </a:lnTo>
                    <a:lnTo>
                      <a:pt x="540" y="714"/>
                    </a:lnTo>
                    <a:lnTo>
                      <a:pt x="597" y="707"/>
                    </a:lnTo>
                    <a:lnTo>
                      <a:pt x="646" y="697"/>
                    </a:lnTo>
                    <a:lnTo>
                      <a:pt x="687" y="687"/>
                    </a:lnTo>
                    <a:lnTo>
                      <a:pt x="730" y="673"/>
                    </a:lnTo>
                    <a:lnTo>
                      <a:pt x="761" y="661"/>
                    </a:lnTo>
                    <a:lnTo>
                      <a:pt x="794" y="648"/>
                    </a:lnTo>
                    <a:lnTo>
                      <a:pt x="825" y="636"/>
                    </a:lnTo>
                    <a:lnTo>
                      <a:pt x="859" y="619"/>
                    </a:lnTo>
                    <a:lnTo>
                      <a:pt x="875" y="609"/>
                    </a:lnTo>
                    <a:lnTo>
                      <a:pt x="870" y="574"/>
                    </a:lnTo>
                    <a:lnTo>
                      <a:pt x="860" y="539"/>
                    </a:lnTo>
                    <a:lnTo>
                      <a:pt x="849" y="503"/>
                    </a:lnTo>
                    <a:lnTo>
                      <a:pt x="831" y="455"/>
                    </a:lnTo>
                    <a:lnTo>
                      <a:pt x="807" y="406"/>
                    </a:lnTo>
                    <a:lnTo>
                      <a:pt x="779" y="353"/>
                    </a:lnTo>
                    <a:lnTo>
                      <a:pt x="755" y="316"/>
                    </a:lnTo>
                    <a:lnTo>
                      <a:pt x="730" y="275"/>
                    </a:lnTo>
                    <a:lnTo>
                      <a:pt x="709" y="244"/>
                    </a:lnTo>
                    <a:lnTo>
                      <a:pt x="677" y="204"/>
                    </a:lnTo>
                    <a:lnTo>
                      <a:pt x="652" y="173"/>
                    </a:lnTo>
                    <a:lnTo>
                      <a:pt x="624" y="145"/>
                    </a:lnTo>
                    <a:lnTo>
                      <a:pt x="586" y="109"/>
                    </a:lnTo>
                    <a:lnTo>
                      <a:pt x="559" y="85"/>
                    </a:lnTo>
                    <a:lnTo>
                      <a:pt x="527" y="58"/>
                    </a:lnTo>
                    <a:lnTo>
                      <a:pt x="487" y="28"/>
                    </a:lnTo>
                    <a:lnTo>
                      <a:pt x="445" y="0"/>
                    </a:lnTo>
                  </a:path>
                </a:pathLst>
              </a:custGeom>
              <a:solidFill>
                <a:srgbClr val="FFFFFF"/>
              </a:solidFill>
              <a:ln w="12700" cap="rnd" cmpd="sng">
                <a:solidFill>
                  <a:srgbClr val="000000"/>
                </a:solidFill>
                <a:prstDash val="solid"/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lv-LV"/>
              </a:p>
            </p:txBody>
          </p:sp>
          <p:sp>
            <p:nvSpPr>
              <p:cNvPr id="32" name="Freeform 8">
                <a:extLst>
                  <a:ext uri="{FF2B5EF4-FFF2-40B4-BE49-F238E27FC236}">
                    <a16:creationId xmlns:a16="http://schemas.microsoft.com/office/drawing/2014/main" id="{F2759C00-C406-4DA6-89D4-CA7D88BD2C72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255" y="3634"/>
                <a:ext cx="929" cy="749"/>
              </a:xfrm>
              <a:custGeom>
                <a:avLst/>
                <a:gdLst>
                  <a:gd name="T0" fmla="*/ 21 w 929"/>
                  <a:gd name="T1" fmla="*/ 98 h 749"/>
                  <a:gd name="T2" fmla="*/ 98 w 929"/>
                  <a:gd name="T3" fmla="*/ 64 h 749"/>
                  <a:gd name="T4" fmla="*/ 164 w 929"/>
                  <a:gd name="T5" fmla="*/ 39 h 749"/>
                  <a:gd name="T6" fmla="*/ 246 w 929"/>
                  <a:gd name="T7" fmla="*/ 20 h 749"/>
                  <a:gd name="T8" fmla="*/ 322 w 929"/>
                  <a:gd name="T9" fmla="*/ 7 h 749"/>
                  <a:gd name="T10" fmla="*/ 396 w 929"/>
                  <a:gd name="T11" fmla="*/ 0 h 749"/>
                  <a:gd name="T12" fmla="*/ 475 w 929"/>
                  <a:gd name="T13" fmla="*/ 0 h 749"/>
                  <a:gd name="T14" fmla="*/ 565 w 929"/>
                  <a:gd name="T15" fmla="*/ 8 h 749"/>
                  <a:gd name="T16" fmla="*/ 636 w 929"/>
                  <a:gd name="T17" fmla="*/ 21 h 749"/>
                  <a:gd name="T18" fmla="*/ 713 w 929"/>
                  <a:gd name="T19" fmla="*/ 41 h 749"/>
                  <a:gd name="T20" fmla="*/ 787 w 929"/>
                  <a:gd name="T21" fmla="*/ 70 h 749"/>
                  <a:gd name="T22" fmla="*/ 864 w 929"/>
                  <a:gd name="T23" fmla="*/ 102 h 749"/>
                  <a:gd name="T24" fmla="*/ 928 w 929"/>
                  <a:gd name="T25" fmla="*/ 136 h 749"/>
                  <a:gd name="T26" fmla="*/ 878 w 929"/>
                  <a:gd name="T27" fmla="*/ 166 h 749"/>
                  <a:gd name="T28" fmla="*/ 830 w 929"/>
                  <a:gd name="T29" fmla="*/ 201 h 749"/>
                  <a:gd name="T30" fmla="*/ 788 w 929"/>
                  <a:gd name="T31" fmla="*/ 238 h 749"/>
                  <a:gd name="T32" fmla="*/ 745 w 929"/>
                  <a:gd name="T33" fmla="*/ 278 h 749"/>
                  <a:gd name="T34" fmla="*/ 695 w 929"/>
                  <a:gd name="T35" fmla="*/ 329 h 749"/>
                  <a:gd name="T36" fmla="*/ 660 w 929"/>
                  <a:gd name="T37" fmla="*/ 369 h 749"/>
                  <a:gd name="T38" fmla="*/ 619 w 929"/>
                  <a:gd name="T39" fmla="*/ 424 h 749"/>
                  <a:gd name="T40" fmla="*/ 575 w 929"/>
                  <a:gd name="T41" fmla="*/ 495 h 749"/>
                  <a:gd name="T42" fmla="*/ 541 w 929"/>
                  <a:gd name="T43" fmla="*/ 556 h 749"/>
                  <a:gd name="T44" fmla="*/ 509 w 929"/>
                  <a:gd name="T45" fmla="*/ 640 h 749"/>
                  <a:gd name="T46" fmla="*/ 491 w 929"/>
                  <a:gd name="T47" fmla="*/ 696 h 749"/>
                  <a:gd name="T48" fmla="*/ 481 w 929"/>
                  <a:gd name="T49" fmla="*/ 748 h 749"/>
                  <a:gd name="T50" fmla="*/ 424 w 929"/>
                  <a:gd name="T51" fmla="*/ 716 h 749"/>
                  <a:gd name="T52" fmla="*/ 370 w 929"/>
                  <a:gd name="T53" fmla="*/ 679 h 749"/>
                  <a:gd name="T54" fmla="*/ 305 w 929"/>
                  <a:gd name="T55" fmla="*/ 632 h 749"/>
                  <a:gd name="T56" fmla="*/ 235 w 929"/>
                  <a:gd name="T57" fmla="*/ 568 h 749"/>
                  <a:gd name="T58" fmla="*/ 186 w 929"/>
                  <a:gd name="T59" fmla="*/ 510 h 749"/>
                  <a:gd name="T60" fmla="*/ 138 w 929"/>
                  <a:gd name="T61" fmla="*/ 446 h 749"/>
                  <a:gd name="T62" fmla="*/ 95 w 929"/>
                  <a:gd name="T63" fmla="*/ 375 h 749"/>
                  <a:gd name="T64" fmla="*/ 56 w 929"/>
                  <a:gd name="T65" fmla="*/ 296 h 749"/>
                  <a:gd name="T66" fmla="*/ 28 w 929"/>
                  <a:gd name="T67" fmla="*/ 224 h 749"/>
                  <a:gd name="T68" fmla="*/ 9 w 929"/>
                  <a:gd name="T69" fmla="*/ 159 h 749"/>
                  <a:gd name="T70" fmla="*/ 0 w 929"/>
                  <a:gd name="T71" fmla="*/ 105 h 749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  <a:cxn ang="0">
                    <a:pos x="T44" y="T45"/>
                  </a:cxn>
                  <a:cxn ang="0">
                    <a:pos x="T46" y="T47"/>
                  </a:cxn>
                  <a:cxn ang="0">
                    <a:pos x="T48" y="T49"/>
                  </a:cxn>
                  <a:cxn ang="0">
                    <a:pos x="T50" y="T51"/>
                  </a:cxn>
                  <a:cxn ang="0">
                    <a:pos x="T52" y="T53"/>
                  </a:cxn>
                  <a:cxn ang="0">
                    <a:pos x="T54" y="T55"/>
                  </a:cxn>
                  <a:cxn ang="0">
                    <a:pos x="T56" y="T57"/>
                  </a:cxn>
                  <a:cxn ang="0">
                    <a:pos x="T58" y="T59"/>
                  </a:cxn>
                  <a:cxn ang="0">
                    <a:pos x="T60" y="T61"/>
                  </a:cxn>
                  <a:cxn ang="0">
                    <a:pos x="T62" y="T63"/>
                  </a:cxn>
                  <a:cxn ang="0">
                    <a:pos x="T64" y="T65"/>
                  </a:cxn>
                  <a:cxn ang="0">
                    <a:pos x="T66" y="T67"/>
                  </a:cxn>
                  <a:cxn ang="0">
                    <a:pos x="T68" y="T69"/>
                  </a:cxn>
                  <a:cxn ang="0">
                    <a:pos x="T70" y="T71"/>
                  </a:cxn>
                </a:cxnLst>
                <a:rect l="0" t="0" r="r" b="b"/>
                <a:pathLst>
                  <a:path w="929" h="749">
                    <a:moveTo>
                      <a:pt x="3" y="108"/>
                    </a:moveTo>
                    <a:lnTo>
                      <a:pt x="21" y="98"/>
                    </a:lnTo>
                    <a:lnTo>
                      <a:pt x="59" y="78"/>
                    </a:lnTo>
                    <a:lnTo>
                      <a:pt x="98" y="64"/>
                    </a:lnTo>
                    <a:lnTo>
                      <a:pt x="126" y="52"/>
                    </a:lnTo>
                    <a:lnTo>
                      <a:pt x="164" y="39"/>
                    </a:lnTo>
                    <a:lnTo>
                      <a:pt x="207" y="28"/>
                    </a:lnTo>
                    <a:lnTo>
                      <a:pt x="246" y="20"/>
                    </a:lnTo>
                    <a:lnTo>
                      <a:pt x="285" y="13"/>
                    </a:lnTo>
                    <a:lnTo>
                      <a:pt x="322" y="7"/>
                    </a:lnTo>
                    <a:lnTo>
                      <a:pt x="358" y="4"/>
                    </a:lnTo>
                    <a:lnTo>
                      <a:pt x="396" y="0"/>
                    </a:lnTo>
                    <a:lnTo>
                      <a:pt x="436" y="0"/>
                    </a:lnTo>
                    <a:lnTo>
                      <a:pt x="475" y="0"/>
                    </a:lnTo>
                    <a:lnTo>
                      <a:pt x="519" y="4"/>
                    </a:lnTo>
                    <a:lnTo>
                      <a:pt x="565" y="8"/>
                    </a:lnTo>
                    <a:lnTo>
                      <a:pt x="600" y="14"/>
                    </a:lnTo>
                    <a:lnTo>
                      <a:pt x="636" y="21"/>
                    </a:lnTo>
                    <a:lnTo>
                      <a:pt x="675" y="31"/>
                    </a:lnTo>
                    <a:lnTo>
                      <a:pt x="713" y="41"/>
                    </a:lnTo>
                    <a:lnTo>
                      <a:pt x="748" y="53"/>
                    </a:lnTo>
                    <a:lnTo>
                      <a:pt x="787" y="70"/>
                    </a:lnTo>
                    <a:lnTo>
                      <a:pt x="825" y="84"/>
                    </a:lnTo>
                    <a:lnTo>
                      <a:pt x="864" y="102"/>
                    </a:lnTo>
                    <a:lnTo>
                      <a:pt x="895" y="116"/>
                    </a:lnTo>
                    <a:lnTo>
                      <a:pt x="928" y="136"/>
                    </a:lnTo>
                    <a:lnTo>
                      <a:pt x="904" y="148"/>
                    </a:lnTo>
                    <a:lnTo>
                      <a:pt x="878" y="166"/>
                    </a:lnTo>
                    <a:lnTo>
                      <a:pt x="855" y="186"/>
                    </a:lnTo>
                    <a:lnTo>
                      <a:pt x="830" y="201"/>
                    </a:lnTo>
                    <a:lnTo>
                      <a:pt x="813" y="214"/>
                    </a:lnTo>
                    <a:lnTo>
                      <a:pt x="788" y="238"/>
                    </a:lnTo>
                    <a:lnTo>
                      <a:pt x="766" y="259"/>
                    </a:lnTo>
                    <a:lnTo>
                      <a:pt x="745" y="278"/>
                    </a:lnTo>
                    <a:lnTo>
                      <a:pt x="721" y="302"/>
                    </a:lnTo>
                    <a:lnTo>
                      <a:pt x="695" y="329"/>
                    </a:lnTo>
                    <a:lnTo>
                      <a:pt x="677" y="350"/>
                    </a:lnTo>
                    <a:lnTo>
                      <a:pt x="660" y="369"/>
                    </a:lnTo>
                    <a:lnTo>
                      <a:pt x="640" y="394"/>
                    </a:lnTo>
                    <a:lnTo>
                      <a:pt x="619" y="424"/>
                    </a:lnTo>
                    <a:lnTo>
                      <a:pt x="597" y="456"/>
                    </a:lnTo>
                    <a:lnTo>
                      <a:pt x="575" y="495"/>
                    </a:lnTo>
                    <a:lnTo>
                      <a:pt x="558" y="524"/>
                    </a:lnTo>
                    <a:lnTo>
                      <a:pt x="541" y="556"/>
                    </a:lnTo>
                    <a:lnTo>
                      <a:pt x="526" y="594"/>
                    </a:lnTo>
                    <a:lnTo>
                      <a:pt x="509" y="640"/>
                    </a:lnTo>
                    <a:lnTo>
                      <a:pt x="499" y="672"/>
                    </a:lnTo>
                    <a:lnTo>
                      <a:pt x="491" y="696"/>
                    </a:lnTo>
                    <a:lnTo>
                      <a:pt x="484" y="726"/>
                    </a:lnTo>
                    <a:lnTo>
                      <a:pt x="481" y="748"/>
                    </a:lnTo>
                    <a:lnTo>
                      <a:pt x="456" y="735"/>
                    </a:lnTo>
                    <a:lnTo>
                      <a:pt x="424" y="716"/>
                    </a:lnTo>
                    <a:lnTo>
                      <a:pt x="398" y="700"/>
                    </a:lnTo>
                    <a:lnTo>
                      <a:pt x="370" y="679"/>
                    </a:lnTo>
                    <a:lnTo>
                      <a:pt x="344" y="663"/>
                    </a:lnTo>
                    <a:lnTo>
                      <a:pt x="305" y="632"/>
                    </a:lnTo>
                    <a:lnTo>
                      <a:pt x="266" y="596"/>
                    </a:lnTo>
                    <a:lnTo>
                      <a:pt x="235" y="568"/>
                    </a:lnTo>
                    <a:lnTo>
                      <a:pt x="211" y="542"/>
                    </a:lnTo>
                    <a:lnTo>
                      <a:pt x="186" y="510"/>
                    </a:lnTo>
                    <a:lnTo>
                      <a:pt x="161" y="478"/>
                    </a:lnTo>
                    <a:lnTo>
                      <a:pt x="138" y="446"/>
                    </a:lnTo>
                    <a:lnTo>
                      <a:pt x="118" y="412"/>
                    </a:lnTo>
                    <a:lnTo>
                      <a:pt x="95" y="375"/>
                    </a:lnTo>
                    <a:lnTo>
                      <a:pt x="76" y="337"/>
                    </a:lnTo>
                    <a:lnTo>
                      <a:pt x="56" y="296"/>
                    </a:lnTo>
                    <a:lnTo>
                      <a:pt x="41" y="261"/>
                    </a:lnTo>
                    <a:lnTo>
                      <a:pt x="28" y="224"/>
                    </a:lnTo>
                    <a:lnTo>
                      <a:pt x="17" y="189"/>
                    </a:lnTo>
                    <a:lnTo>
                      <a:pt x="9" y="159"/>
                    </a:lnTo>
                    <a:lnTo>
                      <a:pt x="3" y="136"/>
                    </a:lnTo>
                    <a:lnTo>
                      <a:pt x="0" y="105"/>
                    </a:lnTo>
                    <a:lnTo>
                      <a:pt x="3" y="108"/>
                    </a:lnTo>
                  </a:path>
                </a:pathLst>
              </a:custGeom>
              <a:solidFill>
                <a:srgbClr val="B2B2B2"/>
              </a:solidFill>
              <a:ln w="12700" cap="rnd" cmpd="sng">
                <a:solidFill>
                  <a:srgbClr val="000000"/>
                </a:solidFill>
                <a:prstDash val="solid"/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lv-LV"/>
              </a:p>
            </p:txBody>
          </p:sp>
          <p:sp>
            <p:nvSpPr>
              <p:cNvPr id="33" name="Freeform 9">
                <a:extLst>
                  <a:ext uri="{FF2B5EF4-FFF2-40B4-BE49-F238E27FC236}">
                    <a16:creationId xmlns:a16="http://schemas.microsoft.com/office/drawing/2014/main" id="{8C418B2F-A015-4699-9A80-E6F80BD6035C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2177" y="3636"/>
                <a:ext cx="910" cy="750"/>
              </a:xfrm>
              <a:custGeom>
                <a:avLst/>
                <a:gdLst>
                  <a:gd name="T0" fmla="*/ 909 w 910"/>
                  <a:gd name="T1" fmla="*/ 116 h 750"/>
                  <a:gd name="T2" fmla="*/ 849 w 910"/>
                  <a:gd name="T3" fmla="*/ 78 h 750"/>
                  <a:gd name="T4" fmla="*/ 776 w 910"/>
                  <a:gd name="T5" fmla="*/ 50 h 750"/>
                  <a:gd name="T6" fmla="*/ 701 w 910"/>
                  <a:gd name="T7" fmla="*/ 26 h 750"/>
                  <a:gd name="T8" fmla="*/ 624 w 910"/>
                  <a:gd name="T9" fmla="*/ 12 h 750"/>
                  <a:gd name="T10" fmla="*/ 555 w 910"/>
                  <a:gd name="T11" fmla="*/ 4 h 750"/>
                  <a:gd name="T12" fmla="*/ 476 w 910"/>
                  <a:gd name="T13" fmla="*/ 0 h 750"/>
                  <a:gd name="T14" fmla="*/ 393 w 910"/>
                  <a:gd name="T15" fmla="*/ 4 h 750"/>
                  <a:gd name="T16" fmla="*/ 309 w 910"/>
                  <a:gd name="T17" fmla="*/ 13 h 750"/>
                  <a:gd name="T18" fmla="*/ 235 w 910"/>
                  <a:gd name="T19" fmla="*/ 30 h 750"/>
                  <a:gd name="T20" fmla="*/ 158 w 910"/>
                  <a:gd name="T21" fmla="*/ 55 h 750"/>
                  <a:gd name="T22" fmla="*/ 76 w 910"/>
                  <a:gd name="T23" fmla="*/ 89 h 750"/>
                  <a:gd name="T24" fmla="*/ 14 w 910"/>
                  <a:gd name="T25" fmla="*/ 121 h 750"/>
                  <a:gd name="T26" fmla="*/ 20 w 910"/>
                  <a:gd name="T27" fmla="*/ 148 h 750"/>
                  <a:gd name="T28" fmla="*/ 58 w 910"/>
                  <a:gd name="T29" fmla="*/ 174 h 750"/>
                  <a:gd name="T30" fmla="*/ 93 w 910"/>
                  <a:gd name="T31" fmla="*/ 202 h 750"/>
                  <a:gd name="T32" fmla="*/ 143 w 910"/>
                  <a:gd name="T33" fmla="*/ 247 h 750"/>
                  <a:gd name="T34" fmla="*/ 195 w 910"/>
                  <a:gd name="T35" fmla="*/ 294 h 750"/>
                  <a:gd name="T36" fmla="*/ 235 w 910"/>
                  <a:gd name="T37" fmla="*/ 341 h 750"/>
                  <a:gd name="T38" fmla="*/ 273 w 910"/>
                  <a:gd name="T39" fmla="*/ 389 h 750"/>
                  <a:gd name="T40" fmla="*/ 315 w 910"/>
                  <a:gd name="T41" fmla="*/ 454 h 750"/>
                  <a:gd name="T42" fmla="*/ 354 w 910"/>
                  <a:gd name="T43" fmla="*/ 522 h 750"/>
                  <a:gd name="T44" fmla="*/ 388 w 910"/>
                  <a:gd name="T45" fmla="*/ 592 h 750"/>
                  <a:gd name="T46" fmla="*/ 414 w 910"/>
                  <a:gd name="T47" fmla="*/ 666 h 750"/>
                  <a:gd name="T48" fmla="*/ 428 w 910"/>
                  <a:gd name="T49" fmla="*/ 731 h 750"/>
                  <a:gd name="T50" fmla="*/ 459 w 910"/>
                  <a:gd name="T51" fmla="*/ 733 h 750"/>
                  <a:gd name="T52" fmla="*/ 516 w 910"/>
                  <a:gd name="T53" fmla="*/ 698 h 750"/>
                  <a:gd name="T54" fmla="*/ 571 w 910"/>
                  <a:gd name="T55" fmla="*/ 661 h 750"/>
                  <a:gd name="T56" fmla="*/ 649 w 910"/>
                  <a:gd name="T57" fmla="*/ 594 h 750"/>
                  <a:gd name="T58" fmla="*/ 702 w 910"/>
                  <a:gd name="T59" fmla="*/ 539 h 750"/>
                  <a:gd name="T60" fmla="*/ 751 w 910"/>
                  <a:gd name="T61" fmla="*/ 476 h 750"/>
                  <a:gd name="T62" fmla="*/ 796 w 910"/>
                  <a:gd name="T63" fmla="*/ 410 h 750"/>
                  <a:gd name="T64" fmla="*/ 838 w 910"/>
                  <a:gd name="T65" fmla="*/ 335 h 750"/>
                  <a:gd name="T66" fmla="*/ 873 w 910"/>
                  <a:gd name="T67" fmla="*/ 262 h 750"/>
                  <a:gd name="T68" fmla="*/ 896 w 910"/>
                  <a:gd name="T69" fmla="*/ 180 h 750"/>
                  <a:gd name="T70" fmla="*/ 909 w 910"/>
                  <a:gd name="T71" fmla="*/ 129 h 750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  <a:cxn ang="0">
                    <a:pos x="T44" y="T45"/>
                  </a:cxn>
                  <a:cxn ang="0">
                    <a:pos x="T46" y="T47"/>
                  </a:cxn>
                  <a:cxn ang="0">
                    <a:pos x="T48" y="T49"/>
                  </a:cxn>
                  <a:cxn ang="0">
                    <a:pos x="T50" y="T51"/>
                  </a:cxn>
                  <a:cxn ang="0">
                    <a:pos x="T52" y="T53"/>
                  </a:cxn>
                  <a:cxn ang="0">
                    <a:pos x="T54" y="T55"/>
                  </a:cxn>
                  <a:cxn ang="0">
                    <a:pos x="T56" y="T57"/>
                  </a:cxn>
                  <a:cxn ang="0">
                    <a:pos x="T58" y="T59"/>
                  </a:cxn>
                  <a:cxn ang="0">
                    <a:pos x="T60" y="T61"/>
                  </a:cxn>
                  <a:cxn ang="0">
                    <a:pos x="T62" y="T63"/>
                  </a:cxn>
                  <a:cxn ang="0">
                    <a:pos x="T64" y="T65"/>
                  </a:cxn>
                  <a:cxn ang="0">
                    <a:pos x="T66" y="T67"/>
                  </a:cxn>
                  <a:cxn ang="0">
                    <a:pos x="T68" y="T69"/>
                  </a:cxn>
                  <a:cxn ang="0">
                    <a:pos x="T70" y="T71"/>
                  </a:cxn>
                </a:cxnLst>
                <a:rect l="0" t="0" r="r" b="b"/>
                <a:pathLst>
                  <a:path w="910" h="750">
                    <a:moveTo>
                      <a:pt x="909" y="129"/>
                    </a:moveTo>
                    <a:lnTo>
                      <a:pt x="909" y="116"/>
                    </a:lnTo>
                    <a:lnTo>
                      <a:pt x="880" y="96"/>
                    </a:lnTo>
                    <a:lnTo>
                      <a:pt x="849" y="78"/>
                    </a:lnTo>
                    <a:lnTo>
                      <a:pt x="814" y="62"/>
                    </a:lnTo>
                    <a:lnTo>
                      <a:pt x="776" y="50"/>
                    </a:lnTo>
                    <a:lnTo>
                      <a:pt x="738" y="37"/>
                    </a:lnTo>
                    <a:lnTo>
                      <a:pt x="701" y="26"/>
                    </a:lnTo>
                    <a:lnTo>
                      <a:pt x="660" y="18"/>
                    </a:lnTo>
                    <a:lnTo>
                      <a:pt x="624" y="12"/>
                    </a:lnTo>
                    <a:lnTo>
                      <a:pt x="589" y="6"/>
                    </a:lnTo>
                    <a:lnTo>
                      <a:pt x="555" y="4"/>
                    </a:lnTo>
                    <a:lnTo>
                      <a:pt x="519" y="2"/>
                    </a:lnTo>
                    <a:lnTo>
                      <a:pt x="476" y="0"/>
                    </a:lnTo>
                    <a:lnTo>
                      <a:pt x="435" y="2"/>
                    </a:lnTo>
                    <a:lnTo>
                      <a:pt x="393" y="4"/>
                    </a:lnTo>
                    <a:lnTo>
                      <a:pt x="355" y="6"/>
                    </a:lnTo>
                    <a:lnTo>
                      <a:pt x="309" y="13"/>
                    </a:lnTo>
                    <a:lnTo>
                      <a:pt x="273" y="22"/>
                    </a:lnTo>
                    <a:lnTo>
                      <a:pt x="235" y="30"/>
                    </a:lnTo>
                    <a:lnTo>
                      <a:pt x="198" y="41"/>
                    </a:lnTo>
                    <a:lnTo>
                      <a:pt x="158" y="55"/>
                    </a:lnTo>
                    <a:lnTo>
                      <a:pt x="116" y="71"/>
                    </a:lnTo>
                    <a:lnTo>
                      <a:pt x="76" y="89"/>
                    </a:lnTo>
                    <a:lnTo>
                      <a:pt x="47" y="103"/>
                    </a:lnTo>
                    <a:lnTo>
                      <a:pt x="14" y="121"/>
                    </a:lnTo>
                    <a:lnTo>
                      <a:pt x="0" y="135"/>
                    </a:lnTo>
                    <a:lnTo>
                      <a:pt x="20" y="148"/>
                    </a:lnTo>
                    <a:lnTo>
                      <a:pt x="40" y="162"/>
                    </a:lnTo>
                    <a:lnTo>
                      <a:pt x="58" y="174"/>
                    </a:lnTo>
                    <a:lnTo>
                      <a:pt x="76" y="188"/>
                    </a:lnTo>
                    <a:lnTo>
                      <a:pt x="93" y="202"/>
                    </a:lnTo>
                    <a:lnTo>
                      <a:pt x="123" y="227"/>
                    </a:lnTo>
                    <a:lnTo>
                      <a:pt x="143" y="247"/>
                    </a:lnTo>
                    <a:lnTo>
                      <a:pt x="168" y="268"/>
                    </a:lnTo>
                    <a:lnTo>
                      <a:pt x="195" y="294"/>
                    </a:lnTo>
                    <a:lnTo>
                      <a:pt x="216" y="315"/>
                    </a:lnTo>
                    <a:lnTo>
                      <a:pt x="235" y="341"/>
                    </a:lnTo>
                    <a:lnTo>
                      <a:pt x="256" y="366"/>
                    </a:lnTo>
                    <a:lnTo>
                      <a:pt x="273" y="389"/>
                    </a:lnTo>
                    <a:lnTo>
                      <a:pt x="293" y="419"/>
                    </a:lnTo>
                    <a:lnTo>
                      <a:pt x="315" y="454"/>
                    </a:lnTo>
                    <a:lnTo>
                      <a:pt x="337" y="493"/>
                    </a:lnTo>
                    <a:lnTo>
                      <a:pt x="354" y="522"/>
                    </a:lnTo>
                    <a:lnTo>
                      <a:pt x="369" y="554"/>
                    </a:lnTo>
                    <a:lnTo>
                      <a:pt x="388" y="592"/>
                    </a:lnTo>
                    <a:lnTo>
                      <a:pt x="402" y="631"/>
                    </a:lnTo>
                    <a:lnTo>
                      <a:pt x="414" y="666"/>
                    </a:lnTo>
                    <a:lnTo>
                      <a:pt x="425" y="701"/>
                    </a:lnTo>
                    <a:lnTo>
                      <a:pt x="428" y="731"/>
                    </a:lnTo>
                    <a:lnTo>
                      <a:pt x="430" y="749"/>
                    </a:lnTo>
                    <a:lnTo>
                      <a:pt x="459" y="733"/>
                    </a:lnTo>
                    <a:lnTo>
                      <a:pt x="491" y="714"/>
                    </a:lnTo>
                    <a:lnTo>
                      <a:pt x="516" y="698"/>
                    </a:lnTo>
                    <a:lnTo>
                      <a:pt x="544" y="677"/>
                    </a:lnTo>
                    <a:lnTo>
                      <a:pt x="571" y="661"/>
                    </a:lnTo>
                    <a:lnTo>
                      <a:pt x="610" y="630"/>
                    </a:lnTo>
                    <a:lnTo>
                      <a:pt x="649" y="594"/>
                    </a:lnTo>
                    <a:lnTo>
                      <a:pt x="680" y="566"/>
                    </a:lnTo>
                    <a:lnTo>
                      <a:pt x="702" y="539"/>
                    </a:lnTo>
                    <a:lnTo>
                      <a:pt x="727" y="508"/>
                    </a:lnTo>
                    <a:lnTo>
                      <a:pt x="751" y="476"/>
                    </a:lnTo>
                    <a:lnTo>
                      <a:pt x="775" y="444"/>
                    </a:lnTo>
                    <a:lnTo>
                      <a:pt x="796" y="410"/>
                    </a:lnTo>
                    <a:lnTo>
                      <a:pt x="818" y="373"/>
                    </a:lnTo>
                    <a:lnTo>
                      <a:pt x="838" y="335"/>
                    </a:lnTo>
                    <a:lnTo>
                      <a:pt x="857" y="296"/>
                    </a:lnTo>
                    <a:lnTo>
                      <a:pt x="873" y="262"/>
                    </a:lnTo>
                    <a:lnTo>
                      <a:pt x="885" y="222"/>
                    </a:lnTo>
                    <a:lnTo>
                      <a:pt x="896" y="180"/>
                    </a:lnTo>
                    <a:lnTo>
                      <a:pt x="909" y="128"/>
                    </a:lnTo>
                    <a:lnTo>
                      <a:pt x="909" y="129"/>
                    </a:lnTo>
                  </a:path>
                </a:pathLst>
              </a:custGeom>
              <a:solidFill>
                <a:srgbClr val="B2B2B2"/>
              </a:solidFill>
              <a:ln w="12700" cap="rnd" cmpd="sng">
                <a:solidFill>
                  <a:srgbClr val="000000"/>
                </a:solidFill>
                <a:prstDash val="solid"/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lv-LV"/>
              </a:p>
            </p:txBody>
          </p:sp>
          <p:sp>
            <p:nvSpPr>
              <p:cNvPr id="34" name="Freeform 10">
                <a:extLst>
                  <a:ext uri="{FF2B5EF4-FFF2-40B4-BE49-F238E27FC236}">
                    <a16:creationId xmlns:a16="http://schemas.microsoft.com/office/drawing/2014/main" id="{2F58C383-48F5-4AE8-959C-A4C8A3DD39EF}"/>
                  </a:ext>
                </a:extLst>
              </p:cNvPr>
              <p:cNvSpPr>
                <a:spLocks/>
              </p:cNvSpPr>
              <p:nvPr/>
            </p:nvSpPr>
            <p:spPr bwMode="auto">
              <a:xfrm>
                <a:off x="1715" y="4380"/>
                <a:ext cx="915" cy="1019"/>
              </a:xfrm>
              <a:custGeom>
                <a:avLst/>
                <a:gdLst>
                  <a:gd name="T0" fmla="*/ 46 w 915"/>
                  <a:gd name="T1" fmla="*/ 19 h 1019"/>
                  <a:gd name="T2" fmla="*/ 99 w 915"/>
                  <a:gd name="T3" fmla="*/ 41 h 1019"/>
                  <a:gd name="T4" fmla="*/ 172 w 915"/>
                  <a:gd name="T5" fmla="*/ 66 h 1019"/>
                  <a:gd name="T6" fmla="*/ 247 w 915"/>
                  <a:gd name="T7" fmla="*/ 86 h 1019"/>
                  <a:gd name="T8" fmla="*/ 328 w 915"/>
                  <a:gd name="T9" fmla="*/ 103 h 1019"/>
                  <a:gd name="T10" fmla="*/ 425 w 915"/>
                  <a:gd name="T11" fmla="*/ 112 h 1019"/>
                  <a:gd name="T12" fmla="*/ 521 w 915"/>
                  <a:gd name="T13" fmla="*/ 112 h 1019"/>
                  <a:gd name="T14" fmla="*/ 625 w 915"/>
                  <a:gd name="T15" fmla="*/ 97 h 1019"/>
                  <a:gd name="T16" fmla="*/ 697 w 915"/>
                  <a:gd name="T17" fmla="*/ 80 h 1019"/>
                  <a:gd name="T18" fmla="*/ 760 w 915"/>
                  <a:gd name="T19" fmla="*/ 59 h 1019"/>
                  <a:gd name="T20" fmla="*/ 826 w 915"/>
                  <a:gd name="T21" fmla="*/ 33 h 1019"/>
                  <a:gd name="T22" fmla="*/ 875 w 915"/>
                  <a:gd name="T23" fmla="*/ 12 h 1019"/>
                  <a:gd name="T24" fmla="*/ 899 w 915"/>
                  <a:gd name="T25" fmla="*/ 28 h 1019"/>
                  <a:gd name="T26" fmla="*/ 904 w 915"/>
                  <a:gd name="T27" fmla="*/ 80 h 1019"/>
                  <a:gd name="T28" fmla="*/ 911 w 915"/>
                  <a:gd name="T29" fmla="*/ 157 h 1019"/>
                  <a:gd name="T30" fmla="*/ 914 w 915"/>
                  <a:gd name="T31" fmla="*/ 214 h 1019"/>
                  <a:gd name="T32" fmla="*/ 908 w 915"/>
                  <a:gd name="T33" fmla="*/ 290 h 1019"/>
                  <a:gd name="T34" fmla="*/ 897 w 915"/>
                  <a:gd name="T35" fmla="*/ 371 h 1019"/>
                  <a:gd name="T36" fmla="*/ 878 w 915"/>
                  <a:gd name="T37" fmla="*/ 460 h 1019"/>
                  <a:gd name="T38" fmla="*/ 850 w 915"/>
                  <a:gd name="T39" fmla="*/ 541 h 1019"/>
                  <a:gd name="T40" fmla="*/ 816 w 915"/>
                  <a:gd name="T41" fmla="*/ 618 h 1019"/>
                  <a:gd name="T42" fmla="*/ 777 w 915"/>
                  <a:gd name="T43" fmla="*/ 690 h 1019"/>
                  <a:gd name="T44" fmla="*/ 728 w 915"/>
                  <a:gd name="T45" fmla="*/ 764 h 1019"/>
                  <a:gd name="T46" fmla="*/ 668 w 915"/>
                  <a:gd name="T47" fmla="*/ 838 h 1019"/>
                  <a:gd name="T48" fmla="*/ 599 w 915"/>
                  <a:gd name="T49" fmla="*/ 905 h 1019"/>
                  <a:gd name="T50" fmla="*/ 534 w 915"/>
                  <a:gd name="T51" fmla="*/ 959 h 1019"/>
                  <a:gd name="T52" fmla="*/ 475 w 915"/>
                  <a:gd name="T53" fmla="*/ 1000 h 1019"/>
                  <a:gd name="T54" fmla="*/ 423 w 915"/>
                  <a:gd name="T55" fmla="*/ 1001 h 1019"/>
                  <a:gd name="T56" fmla="*/ 366 w 915"/>
                  <a:gd name="T57" fmla="*/ 961 h 1019"/>
                  <a:gd name="T58" fmla="*/ 312 w 915"/>
                  <a:gd name="T59" fmla="*/ 916 h 1019"/>
                  <a:gd name="T60" fmla="*/ 256 w 915"/>
                  <a:gd name="T61" fmla="*/ 863 h 1019"/>
                  <a:gd name="T62" fmla="*/ 190 w 915"/>
                  <a:gd name="T63" fmla="*/ 780 h 1019"/>
                  <a:gd name="T64" fmla="*/ 141 w 915"/>
                  <a:gd name="T65" fmla="*/ 712 h 1019"/>
                  <a:gd name="T66" fmla="*/ 99 w 915"/>
                  <a:gd name="T67" fmla="*/ 636 h 1019"/>
                  <a:gd name="T68" fmla="*/ 63 w 915"/>
                  <a:gd name="T69" fmla="*/ 554 h 1019"/>
                  <a:gd name="T70" fmla="*/ 35 w 915"/>
                  <a:gd name="T71" fmla="*/ 469 h 1019"/>
                  <a:gd name="T72" fmla="*/ 14 w 915"/>
                  <a:gd name="T73" fmla="*/ 383 h 1019"/>
                  <a:gd name="T74" fmla="*/ 1 w 915"/>
                  <a:gd name="T75" fmla="*/ 290 h 1019"/>
                  <a:gd name="T76" fmla="*/ 0 w 915"/>
                  <a:gd name="T77" fmla="*/ 196 h 1019"/>
                  <a:gd name="T78" fmla="*/ 4 w 915"/>
                  <a:gd name="T79" fmla="*/ 104 h 1019"/>
                  <a:gd name="T80" fmla="*/ 15 w 915"/>
                  <a:gd name="T81" fmla="*/ 27 h 1019"/>
                </a:gdLst>
                <a:ahLst/>
                <a:cxnLst>
                  <a:cxn ang="0">
                    <a:pos x="T0" y="T1"/>
                  </a:cxn>
                  <a:cxn ang="0">
                    <a:pos x="T2" y="T3"/>
                  </a:cxn>
                  <a:cxn ang="0">
                    <a:pos x="T4" y="T5"/>
                  </a:cxn>
                  <a:cxn ang="0">
                    <a:pos x="T6" y="T7"/>
                  </a:cxn>
                  <a:cxn ang="0">
                    <a:pos x="T8" y="T9"/>
                  </a:cxn>
                  <a:cxn ang="0">
                    <a:pos x="T10" y="T11"/>
                  </a:cxn>
                  <a:cxn ang="0">
                    <a:pos x="T12" y="T13"/>
                  </a:cxn>
                  <a:cxn ang="0">
                    <a:pos x="T14" y="T15"/>
                  </a:cxn>
                  <a:cxn ang="0">
                    <a:pos x="T16" y="T17"/>
                  </a:cxn>
                  <a:cxn ang="0">
                    <a:pos x="T18" y="T19"/>
                  </a:cxn>
                  <a:cxn ang="0">
                    <a:pos x="T20" y="T21"/>
                  </a:cxn>
                  <a:cxn ang="0">
                    <a:pos x="T22" y="T23"/>
                  </a:cxn>
                  <a:cxn ang="0">
                    <a:pos x="T24" y="T25"/>
                  </a:cxn>
                  <a:cxn ang="0">
                    <a:pos x="T26" y="T27"/>
                  </a:cxn>
                  <a:cxn ang="0">
                    <a:pos x="T28" y="T29"/>
                  </a:cxn>
                  <a:cxn ang="0">
                    <a:pos x="T30" y="T31"/>
                  </a:cxn>
                  <a:cxn ang="0">
                    <a:pos x="T32" y="T33"/>
                  </a:cxn>
                  <a:cxn ang="0">
                    <a:pos x="T34" y="T35"/>
                  </a:cxn>
                  <a:cxn ang="0">
                    <a:pos x="T36" y="T37"/>
                  </a:cxn>
                  <a:cxn ang="0">
                    <a:pos x="T38" y="T39"/>
                  </a:cxn>
                  <a:cxn ang="0">
                    <a:pos x="T40" y="T41"/>
                  </a:cxn>
                  <a:cxn ang="0">
                    <a:pos x="T42" y="T43"/>
                  </a:cxn>
                  <a:cxn ang="0">
                    <a:pos x="T44" y="T45"/>
                  </a:cxn>
                  <a:cxn ang="0">
                    <a:pos x="T46" y="T47"/>
                  </a:cxn>
                  <a:cxn ang="0">
                    <a:pos x="T48" y="T49"/>
                  </a:cxn>
                  <a:cxn ang="0">
                    <a:pos x="T50" y="T51"/>
                  </a:cxn>
                  <a:cxn ang="0">
                    <a:pos x="T52" y="T53"/>
                  </a:cxn>
                  <a:cxn ang="0">
                    <a:pos x="T54" y="T55"/>
                  </a:cxn>
                  <a:cxn ang="0">
                    <a:pos x="T56" y="T57"/>
                  </a:cxn>
                  <a:cxn ang="0">
                    <a:pos x="T58" y="T59"/>
                  </a:cxn>
                  <a:cxn ang="0">
                    <a:pos x="T60" y="T61"/>
                  </a:cxn>
                  <a:cxn ang="0">
                    <a:pos x="T62" y="T63"/>
                  </a:cxn>
                  <a:cxn ang="0">
                    <a:pos x="T64" y="T65"/>
                  </a:cxn>
                  <a:cxn ang="0">
                    <a:pos x="T66" y="T67"/>
                  </a:cxn>
                  <a:cxn ang="0">
                    <a:pos x="T68" y="T69"/>
                  </a:cxn>
                  <a:cxn ang="0">
                    <a:pos x="T70" y="T71"/>
                  </a:cxn>
                  <a:cxn ang="0">
                    <a:pos x="T72" y="T73"/>
                  </a:cxn>
                  <a:cxn ang="0">
                    <a:pos x="T74" y="T75"/>
                  </a:cxn>
                  <a:cxn ang="0">
                    <a:pos x="T76" y="T77"/>
                  </a:cxn>
                  <a:cxn ang="0">
                    <a:pos x="T78" y="T79"/>
                  </a:cxn>
                  <a:cxn ang="0">
                    <a:pos x="T80" y="T81"/>
                  </a:cxn>
                </a:cxnLst>
                <a:rect l="0" t="0" r="r" b="b"/>
                <a:pathLst>
                  <a:path w="915" h="1019">
                    <a:moveTo>
                      <a:pt x="21" y="2"/>
                    </a:moveTo>
                    <a:lnTo>
                      <a:pt x="46" y="19"/>
                    </a:lnTo>
                    <a:lnTo>
                      <a:pt x="74" y="31"/>
                    </a:lnTo>
                    <a:lnTo>
                      <a:pt x="99" y="41"/>
                    </a:lnTo>
                    <a:lnTo>
                      <a:pt x="138" y="56"/>
                    </a:lnTo>
                    <a:lnTo>
                      <a:pt x="172" y="66"/>
                    </a:lnTo>
                    <a:lnTo>
                      <a:pt x="208" y="77"/>
                    </a:lnTo>
                    <a:lnTo>
                      <a:pt x="247" y="86"/>
                    </a:lnTo>
                    <a:lnTo>
                      <a:pt x="286" y="96"/>
                    </a:lnTo>
                    <a:lnTo>
                      <a:pt x="328" y="103"/>
                    </a:lnTo>
                    <a:lnTo>
                      <a:pt x="377" y="108"/>
                    </a:lnTo>
                    <a:lnTo>
                      <a:pt x="425" y="112"/>
                    </a:lnTo>
                    <a:lnTo>
                      <a:pt x="468" y="112"/>
                    </a:lnTo>
                    <a:lnTo>
                      <a:pt x="521" y="112"/>
                    </a:lnTo>
                    <a:lnTo>
                      <a:pt x="580" y="103"/>
                    </a:lnTo>
                    <a:lnTo>
                      <a:pt x="625" y="97"/>
                    </a:lnTo>
                    <a:lnTo>
                      <a:pt x="657" y="90"/>
                    </a:lnTo>
                    <a:lnTo>
                      <a:pt x="697" y="80"/>
                    </a:lnTo>
                    <a:lnTo>
                      <a:pt x="729" y="70"/>
                    </a:lnTo>
                    <a:lnTo>
                      <a:pt x="760" y="59"/>
                    </a:lnTo>
                    <a:lnTo>
                      <a:pt x="798" y="44"/>
                    </a:lnTo>
                    <a:lnTo>
                      <a:pt x="826" y="33"/>
                    </a:lnTo>
                    <a:lnTo>
                      <a:pt x="852" y="20"/>
                    </a:lnTo>
                    <a:lnTo>
                      <a:pt x="875" y="12"/>
                    </a:lnTo>
                    <a:lnTo>
                      <a:pt x="892" y="0"/>
                    </a:lnTo>
                    <a:lnTo>
                      <a:pt x="899" y="28"/>
                    </a:lnTo>
                    <a:lnTo>
                      <a:pt x="903" y="56"/>
                    </a:lnTo>
                    <a:lnTo>
                      <a:pt x="904" y="80"/>
                    </a:lnTo>
                    <a:lnTo>
                      <a:pt x="910" y="125"/>
                    </a:lnTo>
                    <a:lnTo>
                      <a:pt x="911" y="157"/>
                    </a:lnTo>
                    <a:lnTo>
                      <a:pt x="914" y="188"/>
                    </a:lnTo>
                    <a:lnTo>
                      <a:pt x="914" y="214"/>
                    </a:lnTo>
                    <a:lnTo>
                      <a:pt x="910" y="258"/>
                    </a:lnTo>
                    <a:lnTo>
                      <a:pt x="908" y="290"/>
                    </a:lnTo>
                    <a:lnTo>
                      <a:pt x="904" y="328"/>
                    </a:lnTo>
                    <a:lnTo>
                      <a:pt x="897" y="371"/>
                    </a:lnTo>
                    <a:lnTo>
                      <a:pt x="892" y="407"/>
                    </a:lnTo>
                    <a:lnTo>
                      <a:pt x="878" y="460"/>
                    </a:lnTo>
                    <a:lnTo>
                      <a:pt x="865" y="502"/>
                    </a:lnTo>
                    <a:lnTo>
                      <a:pt x="850" y="541"/>
                    </a:lnTo>
                    <a:lnTo>
                      <a:pt x="836" y="576"/>
                    </a:lnTo>
                    <a:lnTo>
                      <a:pt x="816" y="618"/>
                    </a:lnTo>
                    <a:lnTo>
                      <a:pt x="797" y="657"/>
                    </a:lnTo>
                    <a:lnTo>
                      <a:pt x="777" y="690"/>
                    </a:lnTo>
                    <a:lnTo>
                      <a:pt x="755" y="723"/>
                    </a:lnTo>
                    <a:lnTo>
                      <a:pt x="728" y="764"/>
                    </a:lnTo>
                    <a:lnTo>
                      <a:pt x="697" y="806"/>
                    </a:lnTo>
                    <a:lnTo>
                      <a:pt x="668" y="838"/>
                    </a:lnTo>
                    <a:lnTo>
                      <a:pt x="636" y="873"/>
                    </a:lnTo>
                    <a:lnTo>
                      <a:pt x="599" y="905"/>
                    </a:lnTo>
                    <a:lnTo>
                      <a:pt x="562" y="936"/>
                    </a:lnTo>
                    <a:lnTo>
                      <a:pt x="534" y="959"/>
                    </a:lnTo>
                    <a:lnTo>
                      <a:pt x="507" y="980"/>
                    </a:lnTo>
                    <a:lnTo>
                      <a:pt x="475" y="1000"/>
                    </a:lnTo>
                    <a:lnTo>
                      <a:pt x="450" y="1018"/>
                    </a:lnTo>
                    <a:lnTo>
                      <a:pt x="423" y="1001"/>
                    </a:lnTo>
                    <a:lnTo>
                      <a:pt x="400" y="986"/>
                    </a:lnTo>
                    <a:lnTo>
                      <a:pt x="366" y="961"/>
                    </a:lnTo>
                    <a:lnTo>
                      <a:pt x="340" y="940"/>
                    </a:lnTo>
                    <a:lnTo>
                      <a:pt x="312" y="916"/>
                    </a:lnTo>
                    <a:lnTo>
                      <a:pt x="286" y="892"/>
                    </a:lnTo>
                    <a:lnTo>
                      <a:pt x="256" y="863"/>
                    </a:lnTo>
                    <a:lnTo>
                      <a:pt x="228" y="828"/>
                    </a:lnTo>
                    <a:lnTo>
                      <a:pt x="190" y="780"/>
                    </a:lnTo>
                    <a:lnTo>
                      <a:pt x="163" y="744"/>
                    </a:lnTo>
                    <a:lnTo>
                      <a:pt x="141" y="712"/>
                    </a:lnTo>
                    <a:lnTo>
                      <a:pt x="117" y="670"/>
                    </a:lnTo>
                    <a:lnTo>
                      <a:pt x="99" y="636"/>
                    </a:lnTo>
                    <a:lnTo>
                      <a:pt x="80" y="593"/>
                    </a:lnTo>
                    <a:lnTo>
                      <a:pt x="63" y="554"/>
                    </a:lnTo>
                    <a:lnTo>
                      <a:pt x="50" y="520"/>
                    </a:lnTo>
                    <a:lnTo>
                      <a:pt x="35" y="469"/>
                    </a:lnTo>
                    <a:lnTo>
                      <a:pt x="24" y="432"/>
                    </a:lnTo>
                    <a:lnTo>
                      <a:pt x="14" y="383"/>
                    </a:lnTo>
                    <a:lnTo>
                      <a:pt x="8" y="347"/>
                    </a:lnTo>
                    <a:lnTo>
                      <a:pt x="1" y="290"/>
                    </a:lnTo>
                    <a:lnTo>
                      <a:pt x="0" y="246"/>
                    </a:lnTo>
                    <a:lnTo>
                      <a:pt x="0" y="196"/>
                    </a:lnTo>
                    <a:lnTo>
                      <a:pt x="1" y="144"/>
                    </a:lnTo>
                    <a:lnTo>
                      <a:pt x="4" y="104"/>
                    </a:lnTo>
                    <a:lnTo>
                      <a:pt x="10" y="61"/>
                    </a:lnTo>
                    <a:lnTo>
                      <a:pt x="15" y="27"/>
                    </a:lnTo>
                    <a:lnTo>
                      <a:pt x="21" y="2"/>
                    </a:lnTo>
                  </a:path>
                </a:pathLst>
              </a:custGeom>
              <a:solidFill>
                <a:srgbClr val="B2B2B2"/>
              </a:solidFill>
              <a:ln w="12700" cap="rnd" cmpd="sng">
                <a:solidFill>
                  <a:srgbClr val="000000"/>
                </a:solidFill>
                <a:prstDash val="solid"/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/>
              <a:lstStyle/>
              <a:p>
                <a:endParaRPr lang="lv-LV"/>
              </a:p>
            </p:txBody>
          </p:sp>
        </p:grpSp>
        <p:sp>
          <p:nvSpPr>
            <p:cNvPr id="8" name="Rectangle 11">
              <a:extLst>
                <a:ext uri="{FF2B5EF4-FFF2-40B4-BE49-F238E27FC236}">
                  <a16:creationId xmlns:a16="http://schemas.microsoft.com/office/drawing/2014/main" id="{553FF720-7ED3-4530-AFA1-97FA16F14FD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625" y="4779"/>
              <a:ext cx="2483" cy="923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CC99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lIns="92075" tIns="46038" rIns="92075" bIns="46038">
              <a:spAutoFit/>
            </a:bodyPr>
            <a:lstStyle/>
            <a:p>
              <a:r>
                <a:rPr lang="lv-LV" altLang="lv-LV" sz="1600" b="1" dirty="0">
                  <a:solidFill>
                    <a:srgbClr val="000000"/>
                  </a:solidFill>
                  <a:latin typeface="Arial Alx Win95"/>
                </a:rPr>
                <a:t>4 </a:t>
              </a:r>
              <a:r>
                <a:rPr lang="en-GB" altLang="lv-LV" sz="1600" b="1" dirty="0" err="1">
                  <a:solidFill>
                    <a:srgbClr val="000000"/>
                  </a:solidFill>
                  <a:latin typeface="Arial Alx Win95"/>
                </a:rPr>
                <a:t>Neklātiene</a:t>
              </a:r>
              <a:r>
                <a:rPr lang="en-GB" altLang="lv-LV" sz="1600" b="1" dirty="0">
                  <a:solidFill>
                    <a:srgbClr val="000000"/>
                  </a:solidFill>
                  <a:latin typeface="Arial Alx Win95"/>
                </a:rPr>
                <a:t> (</a:t>
              </a:r>
              <a:r>
                <a:rPr lang="en-GB" altLang="lv-LV" sz="1600" b="1" i="1" dirty="0">
                  <a:solidFill>
                    <a:srgbClr val="000000"/>
                  </a:solidFill>
                  <a:latin typeface="Arial Alx Win95"/>
                </a:rPr>
                <a:t>distance</a:t>
              </a:r>
              <a:r>
                <a:rPr lang="en-GB" altLang="lv-LV" sz="1600" b="1" dirty="0">
                  <a:solidFill>
                    <a:srgbClr val="000000"/>
                  </a:solidFill>
                  <a:latin typeface="Arial Alx Win95"/>
                </a:rPr>
                <a:t>)</a:t>
              </a:r>
            </a:p>
          </p:txBody>
        </p:sp>
        <p:sp>
          <p:nvSpPr>
            <p:cNvPr id="9" name="Rectangle 12">
              <a:extLst>
                <a:ext uri="{FF2B5EF4-FFF2-40B4-BE49-F238E27FC236}">
                  <a16:creationId xmlns:a16="http://schemas.microsoft.com/office/drawing/2014/main" id="{97A986FF-82A3-41D0-A3BD-CA73BC4356F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8095" y="9100"/>
              <a:ext cx="2485" cy="53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CC99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lIns="92075" tIns="46038" rIns="92075" bIns="46038">
              <a:spAutoFit/>
            </a:bodyPr>
            <a:lstStyle/>
            <a:p>
              <a:r>
                <a:rPr lang="lv-LV" altLang="lv-LV" sz="1600" b="1" dirty="0">
                  <a:solidFill>
                    <a:srgbClr val="000000"/>
                  </a:solidFill>
                  <a:latin typeface="Arial Alx Win95"/>
                </a:rPr>
                <a:t>2 </a:t>
              </a:r>
              <a:r>
                <a:rPr lang="en-GB" altLang="lv-LV" sz="1600" b="1" dirty="0" err="1">
                  <a:solidFill>
                    <a:srgbClr val="000000"/>
                  </a:solidFill>
                  <a:latin typeface="Arial Alx Win95"/>
                </a:rPr>
                <a:t>Atklāts</a:t>
              </a:r>
              <a:r>
                <a:rPr lang="en-GB" altLang="lv-LV" sz="1600" b="1" dirty="0">
                  <a:solidFill>
                    <a:srgbClr val="000000"/>
                  </a:solidFill>
                  <a:latin typeface="Arial Alx Win95"/>
                </a:rPr>
                <a:t> (</a:t>
              </a:r>
              <a:r>
                <a:rPr lang="en-GB" altLang="lv-LV" sz="1600" b="1" i="1" dirty="0">
                  <a:solidFill>
                    <a:srgbClr val="000000"/>
                  </a:solidFill>
                  <a:latin typeface="Arial Alx Win95"/>
                </a:rPr>
                <a:t>open</a:t>
              </a:r>
              <a:r>
                <a:rPr lang="en-GB" altLang="lv-LV" sz="1600" b="1" dirty="0">
                  <a:solidFill>
                    <a:srgbClr val="000000"/>
                  </a:solidFill>
                  <a:latin typeface="Arial Alx Win95"/>
                </a:rPr>
                <a:t>)</a:t>
              </a:r>
            </a:p>
          </p:txBody>
        </p:sp>
        <p:sp>
          <p:nvSpPr>
            <p:cNvPr id="10" name="Rectangle 13">
              <a:extLst>
                <a:ext uri="{FF2B5EF4-FFF2-40B4-BE49-F238E27FC236}">
                  <a16:creationId xmlns:a16="http://schemas.microsoft.com/office/drawing/2014/main" id="{88270E4B-2F3A-4F19-9670-5690D65CD20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078" y="9229"/>
              <a:ext cx="2207" cy="923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CC99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lIns="92075" tIns="46038" rIns="92075" bIns="46038">
              <a:spAutoFit/>
            </a:bodyPr>
            <a:lstStyle/>
            <a:p>
              <a:r>
                <a:rPr lang="lv-LV" altLang="lv-LV" sz="1600" b="1" dirty="0">
                  <a:solidFill>
                    <a:srgbClr val="000000"/>
                  </a:solidFill>
                  <a:latin typeface="Arial Alx Win95"/>
                </a:rPr>
                <a:t>3 </a:t>
              </a:r>
              <a:r>
                <a:rPr lang="en-GB" altLang="lv-LV" sz="1600" b="1" dirty="0" err="1">
                  <a:solidFill>
                    <a:srgbClr val="000000"/>
                  </a:solidFill>
                  <a:latin typeface="Arial Alx Win95"/>
                </a:rPr>
                <a:t>Elastīgs</a:t>
              </a:r>
              <a:r>
                <a:rPr lang="en-GB" altLang="lv-LV" sz="1600" b="1" dirty="0">
                  <a:solidFill>
                    <a:srgbClr val="000000"/>
                  </a:solidFill>
                  <a:latin typeface="Arial Alx Win95"/>
                </a:rPr>
                <a:t> (</a:t>
              </a:r>
              <a:r>
                <a:rPr lang="en-GB" altLang="lv-LV" sz="1600" b="1" i="1" dirty="0">
                  <a:solidFill>
                    <a:srgbClr val="000000"/>
                  </a:solidFill>
                  <a:latin typeface="Arial Alx Win95"/>
                </a:rPr>
                <a:t>flexible</a:t>
              </a:r>
              <a:r>
                <a:rPr lang="en-GB" altLang="lv-LV" sz="1600" b="1" dirty="0">
                  <a:solidFill>
                    <a:srgbClr val="000000"/>
                  </a:solidFill>
                  <a:latin typeface="Arial Alx Win95"/>
                </a:rPr>
                <a:t>)</a:t>
              </a:r>
            </a:p>
          </p:txBody>
        </p:sp>
        <p:sp>
          <p:nvSpPr>
            <p:cNvPr id="11" name="Rectangle 14">
              <a:extLst>
                <a:ext uri="{FF2B5EF4-FFF2-40B4-BE49-F238E27FC236}">
                  <a16:creationId xmlns:a16="http://schemas.microsoft.com/office/drawing/2014/main" id="{8F84C4DE-F7EF-48C5-952E-A84605487D8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787" y="7981"/>
              <a:ext cx="3899" cy="734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CC99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lIns="92075" tIns="46038" rIns="92075" bIns="46038">
              <a:spAutoFit/>
            </a:bodyPr>
            <a:lstStyle/>
            <a:p>
              <a:r>
                <a:rPr lang="lv-LV" altLang="lv-LV" b="1" dirty="0">
                  <a:solidFill>
                    <a:srgbClr val="FF00FF"/>
                  </a:solidFill>
                </a:rPr>
                <a:t>1 </a:t>
              </a:r>
              <a:r>
                <a:rPr lang="en-GB" altLang="lv-LV" b="1" dirty="0" err="1">
                  <a:solidFill>
                    <a:srgbClr val="FF00FF"/>
                  </a:solidFill>
                </a:rPr>
                <a:t>Tālmācība</a:t>
              </a:r>
              <a:endParaRPr lang="lv-LV" altLang="lv-LV" sz="2000" b="1" dirty="0">
                <a:solidFill>
                  <a:srgbClr val="000000"/>
                </a:solidFill>
              </a:endParaRPr>
            </a:p>
          </p:txBody>
        </p:sp>
        <p:grpSp>
          <p:nvGrpSpPr>
            <p:cNvPr id="12" name="Group 15">
              <a:extLst>
                <a:ext uri="{FF2B5EF4-FFF2-40B4-BE49-F238E27FC236}">
                  <a16:creationId xmlns:a16="http://schemas.microsoft.com/office/drawing/2014/main" id="{5DD62A44-CD21-4AAB-BA64-7318C49CCFCC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8747" y="10900"/>
              <a:ext cx="2696" cy="878"/>
              <a:chOff x="2900" y="5169"/>
              <a:chExt cx="937" cy="319"/>
            </a:xfrm>
          </p:grpSpPr>
          <p:sp>
            <p:nvSpPr>
              <p:cNvPr id="29" name="AutoShape 16">
                <a:extLst>
                  <a:ext uri="{FF2B5EF4-FFF2-40B4-BE49-F238E27FC236}">
                    <a16:creationId xmlns:a16="http://schemas.microsoft.com/office/drawing/2014/main" id="{AD1E5D63-589E-4C5B-ACF3-58B7A078F0B7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00" y="5169"/>
                <a:ext cx="937" cy="319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30" name="Rectangle 17">
                <a:extLst>
                  <a:ext uri="{FF2B5EF4-FFF2-40B4-BE49-F238E27FC236}">
                    <a16:creationId xmlns:a16="http://schemas.microsoft.com/office/drawing/2014/main" id="{37D24923-8DA8-44EB-A77E-017049917884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25" y="5172"/>
                <a:ext cx="865" cy="267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lIns="92075" tIns="46038" rIns="92075" bIns="46038">
                <a:spAutoFit/>
              </a:bodyPr>
              <a:lstStyle/>
              <a:p>
                <a:r>
                  <a:rPr lang="lv-LV" altLang="lv-LV" sz="1200" b="1" dirty="0">
                    <a:solidFill>
                      <a:srgbClr val="000000"/>
                    </a:solidFill>
                    <a:latin typeface="Arial Alx Win95"/>
                  </a:rPr>
                  <a:t>6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Atklāti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klātienes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kursi</a:t>
                </a:r>
                <a:endParaRPr lang="en-GB" altLang="lv-LV" sz="1000" dirty="0">
                  <a:solidFill>
                    <a:srgbClr val="000000"/>
                  </a:solidFill>
                  <a:latin typeface="Arial Alx Win95"/>
                </a:endParaRPr>
              </a:p>
            </p:txBody>
          </p:sp>
        </p:grpSp>
        <p:grpSp>
          <p:nvGrpSpPr>
            <p:cNvPr id="13" name="Group 18">
              <a:extLst>
                <a:ext uri="{FF2B5EF4-FFF2-40B4-BE49-F238E27FC236}">
                  <a16:creationId xmlns:a16="http://schemas.microsoft.com/office/drawing/2014/main" id="{3696BBAA-0C15-4A39-B84C-35CAD6BB994D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5244" y="10828"/>
              <a:ext cx="2771" cy="916"/>
              <a:chOff x="1677" y="5250"/>
              <a:chExt cx="963" cy="440"/>
            </a:xfrm>
          </p:grpSpPr>
          <p:sp>
            <p:nvSpPr>
              <p:cNvPr id="27" name="AutoShape 19">
                <a:extLst>
                  <a:ext uri="{FF2B5EF4-FFF2-40B4-BE49-F238E27FC236}">
                    <a16:creationId xmlns:a16="http://schemas.microsoft.com/office/drawing/2014/main" id="{94D01EFA-6EFA-4186-B5BE-DDB108679572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1689" y="5258"/>
                <a:ext cx="929" cy="432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28" name="Rectangle 20">
                <a:extLst>
                  <a:ext uri="{FF2B5EF4-FFF2-40B4-BE49-F238E27FC236}">
                    <a16:creationId xmlns:a16="http://schemas.microsoft.com/office/drawing/2014/main" id="{19E20E8B-95C8-44D4-BBEE-0EBBE2ED793F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1677" y="5250"/>
                <a:ext cx="963" cy="353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lIns="92075" tIns="46038" rIns="92075" bIns="46038">
                <a:spAutoFit/>
              </a:bodyPr>
              <a:lstStyle/>
              <a:p>
                <a:r>
                  <a:rPr lang="lv-LV" altLang="lv-LV" sz="1200" b="1" dirty="0">
                    <a:solidFill>
                      <a:srgbClr val="000000"/>
                    </a:solidFill>
                    <a:latin typeface="Arial Alx Win95"/>
                  </a:rPr>
                  <a:t>7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Atklāti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klātienes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kursi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ar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elastīgu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pieeju</a:t>
                </a:r>
                <a:endParaRPr lang="en-GB" altLang="lv-LV" sz="1200" b="1" dirty="0">
                  <a:solidFill>
                    <a:srgbClr val="000000"/>
                  </a:solidFill>
                  <a:latin typeface="Arial Alx Win95"/>
                </a:endParaRPr>
              </a:p>
            </p:txBody>
          </p:sp>
        </p:grpSp>
        <p:grpSp>
          <p:nvGrpSpPr>
            <p:cNvPr id="14" name="Group 21">
              <a:extLst>
                <a:ext uri="{FF2B5EF4-FFF2-40B4-BE49-F238E27FC236}">
                  <a16:creationId xmlns:a16="http://schemas.microsoft.com/office/drawing/2014/main" id="{25A50960-6C4E-4BFC-A3A6-3289C5B38772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7752" y="6327"/>
              <a:ext cx="4218" cy="1149"/>
              <a:chOff x="2838" y="3465"/>
              <a:chExt cx="863" cy="469"/>
            </a:xfrm>
          </p:grpSpPr>
          <p:sp>
            <p:nvSpPr>
              <p:cNvPr id="25" name="AutoShape 22">
                <a:extLst>
                  <a:ext uri="{FF2B5EF4-FFF2-40B4-BE49-F238E27FC236}">
                    <a16:creationId xmlns:a16="http://schemas.microsoft.com/office/drawing/2014/main" id="{7DE65466-F4AE-4190-A3B7-D52EE4B6F77D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949" y="3465"/>
                <a:ext cx="641" cy="469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26" name="Rectangle 23">
                <a:extLst>
                  <a:ext uri="{FF2B5EF4-FFF2-40B4-BE49-F238E27FC236}">
                    <a16:creationId xmlns:a16="http://schemas.microsoft.com/office/drawing/2014/main" id="{4D4C2490-A1D7-4B30-8992-A4C91D032839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838" y="3485"/>
                <a:ext cx="863" cy="180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lIns="92075" tIns="46038" rIns="92075" bIns="46038">
                <a:spAutoFit/>
              </a:bodyPr>
              <a:lstStyle/>
              <a:p>
                <a:r>
                  <a:rPr lang="lv-LV" altLang="lv-LV" sz="1200" b="1" dirty="0">
                    <a:solidFill>
                      <a:srgbClr val="000000"/>
                    </a:solidFill>
                    <a:latin typeface="Arial Alx Win95"/>
                  </a:rPr>
                  <a:t>5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Atklātā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neklātienes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skola</a:t>
                </a:r>
                <a:endParaRPr lang="en-GB" altLang="lv-LV" sz="1000" dirty="0">
                  <a:solidFill>
                    <a:srgbClr val="000000"/>
                  </a:solidFill>
                  <a:latin typeface="Arial Alx Win95"/>
                </a:endParaRPr>
              </a:p>
            </p:txBody>
          </p:sp>
        </p:grpSp>
        <p:grpSp>
          <p:nvGrpSpPr>
            <p:cNvPr id="15" name="Group 24">
              <a:extLst>
                <a:ext uri="{FF2B5EF4-FFF2-40B4-BE49-F238E27FC236}">
                  <a16:creationId xmlns:a16="http://schemas.microsoft.com/office/drawing/2014/main" id="{0311E352-5202-4CD3-AE25-113E54660249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1367" y="10315"/>
              <a:ext cx="2633" cy="1484"/>
              <a:chOff x="335" y="4957"/>
              <a:chExt cx="915" cy="614"/>
            </a:xfrm>
          </p:grpSpPr>
          <p:sp>
            <p:nvSpPr>
              <p:cNvPr id="23" name="AutoShape 25">
                <a:extLst>
                  <a:ext uri="{FF2B5EF4-FFF2-40B4-BE49-F238E27FC236}">
                    <a16:creationId xmlns:a16="http://schemas.microsoft.com/office/drawing/2014/main" id="{AF825544-8114-43B7-8E71-1AFD99887FBB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393" y="4957"/>
                <a:ext cx="837" cy="614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24" name="Rectangle 26">
                <a:extLst>
                  <a:ext uri="{FF2B5EF4-FFF2-40B4-BE49-F238E27FC236}">
                    <a16:creationId xmlns:a16="http://schemas.microsoft.com/office/drawing/2014/main" id="{C155C3B7-BCFC-41EF-B170-F5ECEAC5D19C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335" y="4958"/>
                <a:ext cx="915" cy="425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square" lIns="92075" tIns="46038" rIns="92075" bIns="46038">
                <a:spAutoFit/>
              </a:bodyPr>
              <a:lstStyle/>
              <a:p>
                <a:r>
                  <a:rPr lang="lv-LV" altLang="lv-LV" sz="1200" b="1" dirty="0">
                    <a:solidFill>
                      <a:srgbClr val="000000"/>
                    </a:solidFill>
                    <a:latin typeface="Arial Alx Win95"/>
                  </a:rPr>
                  <a:t>8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Modernā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tehnoloģija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un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metodika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skolā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un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augstskolā</a:t>
                </a:r>
                <a:endParaRPr lang="en-GB" altLang="lv-LV" sz="1000" dirty="0">
                  <a:solidFill>
                    <a:srgbClr val="000000"/>
                  </a:solidFill>
                  <a:latin typeface="Arial Alx Win95"/>
                </a:endParaRPr>
              </a:p>
            </p:txBody>
          </p:sp>
        </p:grpSp>
        <p:grpSp>
          <p:nvGrpSpPr>
            <p:cNvPr id="16" name="Group 27">
              <a:extLst>
                <a:ext uri="{FF2B5EF4-FFF2-40B4-BE49-F238E27FC236}">
                  <a16:creationId xmlns:a16="http://schemas.microsoft.com/office/drawing/2014/main" id="{35CFD70C-DA79-429A-A855-D15D81FC09E3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3237" y="4044"/>
              <a:ext cx="1997" cy="1270"/>
              <a:chOff x="985" y="2681"/>
              <a:chExt cx="694" cy="461"/>
            </a:xfrm>
          </p:grpSpPr>
          <p:sp>
            <p:nvSpPr>
              <p:cNvPr id="21" name="AutoShape 28">
                <a:extLst>
                  <a:ext uri="{FF2B5EF4-FFF2-40B4-BE49-F238E27FC236}">
                    <a16:creationId xmlns:a16="http://schemas.microsoft.com/office/drawing/2014/main" id="{A03332B8-7091-49AF-BDEF-F833B5E294F5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992" y="2681"/>
                <a:ext cx="683" cy="461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22" name="Rectangle 29">
                <a:extLst>
                  <a:ext uri="{FF2B5EF4-FFF2-40B4-BE49-F238E27FC236}">
                    <a16:creationId xmlns:a16="http://schemas.microsoft.com/office/drawing/2014/main" id="{74CAE7A6-16E2-4F18-AE1C-4D53029B1FC8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985" y="2683"/>
                <a:ext cx="694" cy="264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lIns="92075" tIns="46038" rIns="92075" bIns="46038">
                <a:spAutoFit/>
              </a:bodyPr>
              <a:lstStyle/>
              <a:p>
                <a:endParaRPr lang="en-GB" altLang="lv-LV" sz="1200" b="1" dirty="0">
                  <a:solidFill>
                    <a:srgbClr val="000000"/>
                  </a:solidFill>
                  <a:latin typeface="Arial Alx Win95"/>
                </a:endParaRPr>
              </a:p>
              <a:p>
                <a:r>
                  <a:rPr lang="lv-LV" altLang="lv-LV" sz="1200" b="1" dirty="0">
                    <a:solidFill>
                      <a:srgbClr val="000000"/>
                    </a:solidFill>
                    <a:latin typeface="Arial Alx Win95"/>
                  </a:rPr>
                  <a:t>10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Neklātiene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endParaRPr lang="en-GB" altLang="lv-LV" sz="1000" dirty="0">
                  <a:solidFill>
                    <a:srgbClr val="000000"/>
                  </a:solidFill>
                  <a:latin typeface="Arial Alx Win95"/>
                </a:endParaRPr>
              </a:p>
            </p:txBody>
          </p:sp>
        </p:grpSp>
        <p:grpSp>
          <p:nvGrpSpPr>
            <p:cNvPr id="17" name="Group 30">
              <a:extLst>
                <a:ext uri="{FF2B5EF4-FFF2-40B4-BE49-F238E27FC236}">
                  <a16:creationId xmlns:a16="http://schemas.microsoft.com/office/drawing/2014/main" id="{C39BC97E-333C-448C-8BAF-CF83C1C3AAB3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1653" y="6327"/>
              <a:ext cx="2989" cy="1235"/>
              <a:chOff x="429" y="3502"/>
              <a:chExt cx="1039" cy="448"/>
            </a:xfrm>
          </p:grpSpPr>
          <p:sp>
            <p:nvSpPr>
              <p:cNvPr id="19" name="AutoShape 31">
                <a:extLst>
                  <a:ext uri="{FF2B5EF4-FFF2-40B4-BE49-F238E27FC236}">
                    <a16:creationId xmlns:a16="http://schemas.microsoft.com/office/drawing/2014/main" id="{07135F48-03A6-42EC-9D42-A1FA7C44B998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77" y="3509"/>
                <a:ext cx="932" cy="441"/>
              </a:xfrm>
              <a:prstGeom prst="roundRect">
                <a:avLst>
                  <a:gd name="adj" fmla="val 12495"/>
                </a:avLst>
              </a:prstGeom>
              <a:solidFill>
                <a:srgbClr val="FFFFFF"/>
              </a:solidFill>
              <a:ln w="12700">
                <a:solidFill>
                  <a:srgbClr val="000000"/>
                </a:solidFill>
                <a:round/>
                <a:headEnd/>
                <a:tailEnd/>
              </a:ln>
              <a:effectLst/>
              <a:extLs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wrap="none" anchor="ctr"/>
              <a:lstStyle/>
              <a:p>
                <a:endParaRPr lang="lv-LV"/>
              </a:p>
            </p:txBody>
          </p:sp>
          <p:sp>
            <p:nvSpPr>
              <p:cNvPr id="20" name="Rectangle 32">
                <a:extLst>
                  <a:ext uri="{FF2B5EF4-FFF2-40B4-BE49-F238E27FC236}">
                    <a16:creationId xmlns:a16="http://schemas.microsoft.com/office/drawing/2014/main" id="{FC21688E-6C63-4B21-844F-86C30EC5E14A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429" y="3502"/>
                <a:ext cx="1039" cy="266"/>
              </a:xfrm>
              <a:prstGeom prst="rect">
                <a:avLst/>
              </a:prstGeom>
              <a:noFill/>
              <a:ln>
                <a:noFill/>
              </a:ln>
              <a:effectLst/>
              <a:extLst>
                <a:ext uri="{909E8E84-426E-40DD-AFC4-6F175D3DCCD1}">
                  <a14:hiddenFill xmlns:a14="http://schemas.microsoft.com/office/drawing/2010/main">
                    <a:solidFill>
                      <a:srgbClr val="00CC99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  <a:ext uri="{AF507438-7753-43E0-B8FC-AC1667EBCBE1}">
                  <a14:hiddenEffects xmlns:a14="http://schemas.microsoft.com/office/drawing/2010/main">
                    <a:effectLst>
                      <a:outerShdw dist="35921" dir="2700000" algn="ctr" rotWithShape="0">
                        <a:srgbClr val="969696"/>
                      </a:outerShdw>
                    </a:effectLst>
                  </a14:hiddenEffects>
                </a:ext>
              </a:extLst>
            </p:spPr>
            <p:txBody>
              <a:bodyPr lIns="92075" tIns="46038" rIns="92075" bIns="46038">
                <a:spAutoFit/>
              </a:bodyPr>
              <a:lstStyle/>
              <a:p>
                <a:r>
                  <a:rPr lang="lv-LV" altLang="lv-LV" sz="1200" b="1" dirty="0">
                    <a:solidFill>
                      <a:srgbClr val="000000"/>
                    </a:solidFill>
                    <a:latin typeface="Arial Alx Win95"/>
                  </a:rPr>
                  <a:t>9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Videokonferences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skolai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un </a:t>
                </a:r>
                <a:r>
                  <a:rPr lang="en-GB" altLang="lv-LV" sz="1200" b="1" dirty="0" err="1">
                    <a:solidFill>
                      <a:srgbClr val="000000"/>
                    </a:solidFill>
                    <a:latin typeface="Arial Alx Win95"/>
                  </a:rPr>
                  <a:t>augstskolai</a:t>
                </a:r>
                <a:r>
                  <a:rPr lang="en-GB" altLang="lv-LV" sz="1200" b="1" dirty="0">
                    <a:solidFill>
                      <a:srgbClr val="000000"/>
                    </a:solidFill>
                    <a:latin typeface="Arial Alx Win95"/>
                  </a:rPr>
                  <a:t> </a:t>
                </a:r>
              </a:p>
            </p:txBody>
          </p:sp>
        </p:grpSp>
        <p:sp>
          <p:nvSpPr>
            <p:cNvPr id="18" name="Rectangle 33">
              <a:extLst>
                <a:ext uri="{FF2B5EF4-FFF2-40B4-BE49-F238E27FC236}">
                  <a16:creationId xmlns:a16="http://schemas.microsoft.com/office/drawing/2014/main" id="{507A0F32-51AF-46C4-A250-30A86F410F4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232" y="9312"/>
              <a:ext cx="2852" cy="388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00CC99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rgbClr val="969696"/>
                    </a:outerShdw>
                  </a:effectLst>
                </a14:hiddenEffects>
              </a:ext>
            </a:extLst>
          </p:spPr>
          <p:txBody>
            <a:bodyPr lIns="92075" tIns="46038" rIns="92075" bIns="46038">
              <a:spAutoFit/>
            </a:bodyPr>
            <a:lstStyle/>
            <a:p>
              <a:pPr algn="l"/>
              <a:endParaRPr lang="en-GB" altLang="lv-LV" sz="1000"/>
            </a:p>
          </p:txBody>
        </p:sp>
      </p:grpSp>
      <p:sp>
        <p:nvSpPr>
          <p:cNvPr id="35" name="TextBox 34">
            <a:extLst>
              <a:ext uri="{FF2B5EF4-FFF2-40B4-BE49-F238E27FC236}">
                <a16:creationId xmlns:a16="http://schemas.microsoft.com/office/drawing/2014/main" id="{D3181EA9-D2A6-4AE2-B6E6-5F3B07F1F558}"/>
              </a:ext>
            </a:extLst>
          </p:cNvPr>
          <p:cNvSpPr txBox="1"/>
          <p:nvPr/>
        </p:nvSpPr>
        <p:spPr>
          <a:xfrm>
            <a:off x="611560" y="128749"/>
            <a:ext cx="763284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lv-LV" b="1" dirty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Kurš sektors (cipars) atbilst šodienas situācijai?</a:t>
            </a:r>
          </a:p>
        </p:txBody>
      </p:sp>
    </p:spTree>
    <p:extLst>
      <p:ext uri="{BB962C8B-B14F-4D97-AF65-F5344CB8AC3E}">
        <p14:creationId xmlns:p14="http://schemas.microsoft.com/office/powerpoint/2010/main" val="3037476926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Mācību realizācijas principi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352928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Mācību mērķis &gt; Vingrinājums &gt; Pārbaudījum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Mācību mērķis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–visiem skaidrs kas jāsasniedz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Vingrinājums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– aktīvas studijas veicina mācīšano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Pārbaudījums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– pārbauda kā sasniegti mērķi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Testu vērtē dators, bet kontroldarbu un praktisko darbu  – konsultant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Atgriezeniskā saite </a:t>
            </a:r>
            <a:r>
              <a:rPr lang="lv-LV" altLang="lv-LV" sz="2000" b="1" dirty="0">
                <a:latin typeface="Arial" charset="0"/>
              </a:rPr>
              <a:t>(jautājumi, pārbaudījuma rezultāts u.c.)</a:t>
            </a:r>
            <a:endParaRPr lang="lv-LV" altLang="lv-LV" sz="2000" b="1" dirty="0">
              <a:solidFill>
                <a:srgbClr val="FF00FF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Kursa pamatelements – </a:t>
            </a: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mācols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(</a:t>
            </a: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Learning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</a:t>
            </a: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Object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)</a:t>
            </a:r>
          </a:p>
          <a:p>
            <a:pPr lvl="1">
              <a:lnSpc>
                <a:spcPct val="140000"/>
              </a:lnSpc>
              <a:buClr>
                <a:srgbClr val="CC0099"/>
              </a:buClr>
              <a:buFont typeface="Wingdings" pitchFamily="2" charset="2"/>
              <a:buChar char="u"/>
            </a:pPr>
            <a:endParaRPr lang="lv-LV" altLang="en-US" sz="16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125553260"/>
              </p:ext>
            </p:extLst>
          </p:nvPr>
        </p:nvGraphicFramePr>
        <p:xfrm>
          <a:off x="683568" y="604664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5912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604664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554509825"/>
              </p:ext>
            </p:extLst>
          </p:nvPr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5913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17</a:t>
            </a:fld>
            <a:endParaRPr lang="lv-LV" altLang="lv-LV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037EB151-3960-418B-9E2B-B67032F1EAE2}"/>
              </a:ext>
            </a:extLst>
          </p:cNvPr>
          <p:cNvSpPr txBox="1"/>
          <p:nvPr/>
        </p:nvSpPr>
        <p:spPr>
          <a:xfrm>
            <a:off x="2435501" y="481110"/>
            <a:ext cx="3960440" cy="830997"/>
          </a:xfrm>
          <a:prstGeom prst="rect">
            <a:avLst/>
          </a:prstGeom>
          <a:solidFill>
            <a:srgbClr val="FFFF00"/>
          </a:solidFill>
        </p:spPr>
        <p:txBody>
          <a:bodyPr wrap="square" rtlCol="0">
            <a:spAutoFit/>
          </a:bodyPr>
          <a:lstStyle/>
          <a:p>
            <a:r>
              <a:rPr lang="lv-LV" b="1" dirty="0">
                <a:latin typeface="Arial" panose="020B0604020202020204" pitchFamily="34" charset="0"/>
                <a:cs typeface="Arial" panose="020B0604020202020204" pitchFamily="34" charset="0"/>
              </a:rPr>
              <a:t>Šeit dod vajadzīgo informāciju </a:t>
            </a:r>
          </a:p>
        </p:txBody>
      </p:sp>
      <p:cxnSp>
        <p:nvCxnSpPr>
          <p:cNvPr id="5" name="Taisns bultveida savienotājs 4">
            <a:extLst>
              <a:ext uri="{FF2B5EF4-FFF2-40B4-BE49-F238E27FC236}">
                <a16:creationId xmlns:a16="http://schemas.microsoft.com/office/drawing/2014/main" id="{7A2C1E49-1E17-4529-B1C8-15F1349C90B9}"/>
              </a:ext>
            </a:extLst>
          </p:cNvPr>
          <p:cNvCxnSpPr>
            <a:cxnSpLocks/>
          </p:cNvCxnSpPr>
          <p:nvPr/>
        </p:nvCxnSpPr>
        <p:spPr bwMode="auto">
          <a:xfrm flipH="1">
            <a:off x="3419872" y="1312107"/>
            <a:ext cx="360040" cy="1375309"/>
          </a:xfrm>
          <a:prstGeom prst="straightConnector1">
            <a:avLst/>
          </a:prstGeom>
          <a:ln>
            <a:headEnd type="none" w="med" len="med"/>
            <a:tailEnd type="triangle"/>
          </a:ln>
        </p:spPr>
        <p:style>
          <a:lnRef idx="3">
            <a:schemeClr val="accent4"/>
          </a:lnRef>
          <a:fillRef idx="0">
            <a:schemeClr val="accent4"/>
          </a:fillRef>
          <a:effectRef idx="2">
            <a:schemeClr val="accent4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404260238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Pārbaudījumi – elektroniski vai uz papīra?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  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Ko gribam pārbaudīt? Atcerēšanos, izpratni, prasmi risināt uzdevumus, prasmi analizēt?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Vairāk semestra laikā, nevis tikai beigā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Kompleksu uzdevumu visam semestrim, piem. kursa projekt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en-US" sz="2400" b="1" dirty="0">
                <a:solidFill>
                  <a:srgbClr val="000000"/>
                </a:solidFill>
                <a:latin typeface="Arial" charset="0"/>
                <a:cs typeface="Times New Roman" pitchFamily="18" charset="0"/>
              </a:rPr>
              <a:t> Darba aizstāvēšana tiešsaistē – jautājumi </a:t>
            </a:r>
            <a:r>
              <a:rPr lang="lv-LV" altLang="en-US" sz="2400" b="1" dirty="0">
                <a:solidFill>
                  <a:srgbClr val="000000"/>
                </a:solidFill>
                <a:latin typeface="Arial" charset="0"/>
                <a:cs typeface="Times New Roman" pitchFamily="18" charset="0"/>
                <a:sym typeface="Wingdings" panose="05000000000000000000" pitchFamily="2" charset="2"/>
              </a:rPr>
              <a:t>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en-US" sz="2400" b="1" dirty="0">
                <a:solidFill>
                  <a:srgbClr val="000000"/>
                </a:solidFill>
                <a:latin typeface="Arial" charset="0"/>
                <a:cs typeface="Times New Roman" pitchFamily="18" charset="0"/>
                <a:sym typeface="Wingdings" panose="05000000000000000000" pitchFamily="2" charset="2"/>
              </a:rPr>
              <a:t> Jānovērš </a:t>
            </a:r>
            <a:r>
              <a:rPr lang="lv-LV" altLang="en-US" sz="2400" b="1" dirty="0" err="1">
                <a:solidFill>
                  <a:srgbClr val="000000"/>
                </a:solidFill>
                <a:latin typeface="Arial" charset="0"/>
                <a:cs typeface="Times New Roman" pitchFamily="18" charset="0"/>
                <a:sym typeface="Wingdings" panose="05000000000000000000" pitchFamily="2" charset="2"/>
              </a:rPr>
              <a:t>copy-paste,</a:t>
            </a:r>
            <a:r>
              <a:rPr lang="lv-LV" altLang="en-US" sz="2400" b="1" dirty="0">
                <a:solidFill>
                  <a:srgbClr val="000000"/>
                </a:solidFill>
                <a:latin typeface="Arial" charset="0"/>
                <a:cs typeface="Times New Roman" pitchFamily="18" charset="0"/>
                <a:sym typeface="Wingdings" panose="05000000000000000000" pitchFamily="2" charset="2"/>
              </a:rPr>
              <a:t> špikošana, plaģiāts</a:t>
            </a:r>
            <a:endParaRPr lang="lv-LV" altLang="en-US" sz="24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/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8396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307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/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8397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3077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18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2435246898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>
            <a:extLst>
              <a:ext uri="{FF2B5EF4-FFF2-40B4-BE49-F238E27FC236}">
                <a16:creationId xmlns:a16="http://schemas.microsoft.com/office/drawing/2014/main" id="{32BC26D8-82FB-445E-AA49-62A77D7C1EE0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0" y="0"/>
            <a:ext cx="9144000" cy="6858000"/>
          </a:xfrm>
          <a:prstGeom prst="rect">
            <a:avLst/>
          </a:prstGeom>
          <a:solidFill>
            <a:srgbClr val="424159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CB44330D-EA18-4254-AA95-EB49948539B8}"/>
              </a:ext>
              <a:ext uri="{C183D7F6-B498-43B3-948B-1728B52AA6E4}">
                <adec:decorative xmlns:adec="http://schemas.microsoft.com/office/drawing/2017/decorative" val="1"/>
              </a:ext>
            </a:extLst>
          </p:cNvPr>
          <p:cNvSpPr>
            <a:spLocks noGrp="1" noRot="1" noChangeAspect="1" noMove="1" noResize="1" noEditPoints="1" noAdjustHandles="1" noChangeArrowheads="1" noChangeShapeType="1" noTextEdit="1"/>
          </p:cNvSpPr>
          <p:nvPr>
            <p:extLst>
              <p:ext uri="{386F3935-93C4-4BCD-93E2-E3B085C9AB24}">
                <p16:designElem xmlns:p16="http://schemas.microsoft.com/office/powerpoint/2015/main" val="1"/>
              </p:ext>
            </p:extLst>
          </p:nvPr>
        </p:nvSpPr>
        <p:spPr>
          <a:xfrm>
            <a:off x="357759" y="480060"/>
            <a:ext cx="8428482" cy="5897880"/>
          </a:xfrm>
          <a:prstGeom prst="rect">
            <a:avLst/>
          </a:prstGeom>
          <a:solidFill>
            <a:srgbClr val="FFFFFF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3" name="Attēls 2">
            <a:extLst>
              <a:ext uri="{FF2B5EF4-FFF2-40B4-BE49-F238E27FC236}">
                <a16:creationId xmlns:a16="http://schemas.microsoft.com/office/drawing/2014/main" id="{A6EB463E-3787-4B6E-9953-1DDAE6DEA5B4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06827" y="643467"/>
            <a:ext cx="7930344" cy="5571066"/>
          </a:xfrm>
          <a:prstGeom prst="rect">
            <a:avLst/>
          </a:prstGeom>
        </p:spPr>
      </p:pic>
      <p:sp>
        <p:nvSpPr>
          <p:cNvPr id="2" name="Slaida numura vietturis 1">
            <a:extLst>
              <a:ext uri="{FF2B5EF4-FFF2-40B4-BE49-F238E27FC236}">
                <a16:creationId xmlns:a16="http://schemas.microsoft.com/office/drawing/2014/main" id="{460D77B7-4928-41E6-AFCB-DBEEFB33CD4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6457950" y="6356350"/>
            <a:ext cx="2057400" cy="365125"/>
          </a:xfrm>
        </p:spPr>
        <p:txBody>
          <a:bodyPr>
            <a:normAutofit/>
          </a:bodyPr>
          <a:lstStyle/>
          <a:p>
            <a:pPr>
              <a:spcAft>
                <a:spcPts val="600"/>
              </a:spcAft>
              <a:defRPr/>
            </a:pPr>
            <a:fld id="{6C211C14-DBFE-4749-A32C-5BAFE36B542C}" type="slidenum">
              <a:rPr lang="lv-LV" altLang="lv-LV">
                <a:solidFill>
                  <a:srgbClr val="FFFFFF"/>
                </a:solidFill>
              </a:rPr>
              <a:pPr>
                <a:spcAft>
                  <a:spcPts val="600"/>
                </a:spcAft>
                <a:defRPr/>
              </a:pPr>
              <a:t>19</a:t>
            </a:fld>
            <a:endParaRPr lang="lv-LV" altLang="lv-LV">
              <a:solidFill>
                <a:srgbClr val="FFFF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5558151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Plāns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Iepazīšanā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Ievads par mācīšano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Kā šodien var noderēt tālmācības principi?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Metodes un risinājumi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Jautājumi un diskusija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Nobeigums</a:t>
            </a: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206117913"/>
              </p:ext>
            </p:extLst>
          </p:nvPr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2847" name="Document" r:id="rId4" imgW="6925056" imgH="1670304" progId="Word.Document.8">
                  <p:embed/>
                </p:oleObj>
              </mc:Choice>
              <mc:Fallback>
                <p:oleObj name="Document" r:id="rId4" imgW="6925056" imgH="167030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497548077"/>
              </p:ext>
            </p:extLst>
          </p:nvPr>
        </p:nvGraphicFramePr>
        <p:xfrm>
          <a:off x="1187624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2848" name="Document" r:id="rId6" imgW="5485033" imgH="1227394" progId="Word.Document.8">
                  <p:embed/>
                </p:oleObj>
              </mc:Choice>
              <mc:Fallback>
                <p:oleObj name="Document" r:id="rId6" imgW="5485033" imgH="122739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87624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2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3430518024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Svarīgas lietas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Plānošana – 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kāds ir students, kas ir jāapgūst, kā realizēt aktīvas studijas, </a:t>
            </a: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tehnoloģijas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, pārbaudījumi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Kursa izstrāde – 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studiju materiāli ar vingrinājumiem un  atgriezenisko saiti + pārbaudījumi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latin typeface="Arial" charset="0"/>
              </a:rPr>
              <a:t>Izmēģinājum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latin typeface="Arial" charset="0"/>
              </a:rPr>
              <a:t>Studiju atbalsts </a:t>
            </a:r>
            <a:endParaRPr lang="lv-LV" altLang="lv-LV" sz="2400" b="1" dirty="0">
              <a:solidFill>
                <a:srgbClr val="FF00FF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latin typeface="Arial" charset="0"/>
              </a:rPr>
              <a:t>Kursa administrēšana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555403165"/>
              </p:ext>
            </p:extLst>
          </p:nvPr>
        </p:nvGraphicFramePr>
        <p:xfrm>
          <a:off x="683568" y="404664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6936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04664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012212577"/>
              </p:ext>
            </p:extLst>
          </p:nvPr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6937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6" name="TextBox 8"/>
          <p:cNvSpPr txBox="1">
            <a:spLocks noChangeArrowheads="1"/>
          </p:cNvSpPr>
          <p:nvPr/>
        </p:nvSpPr>
        <p:spPr bwMode="auto">
          <a:xfrm>
            <a:off x="3851920" y="678004"/>
            <a:ext cx="5091390" cy="1274195"/>
          </a:xfrm>
          <a:prstGeom prst="rect">
            <a:avLst/>
          </a:prstGeom>
          <a:solidFill>
            <a:srgbClr val="FFFF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marL="342900" indent="-342900" eaLnBrk="0" hangingPunct="0">
              <a:spcBef>
                <a:spcPct val="20000"/>
              </a:spcBef>
              <a:buFont typeface="Arial" charset="0"/>
              <a:defRPr sz="2400" b="1">
                <a:solidFill>
                  <a:srgbClr val="064444"/>
                </a:solidFill>
                <a:latin typeface="Calibri" pitchFamily="34" charset="0"/>
                <a:ea typeface="ＭＳ Ｐゴシック" pitchFamily="34" charset="-128"/>
              </a:defRPr>
            </a:lvl1pPr>
            <a:lvl2pPr marL="742950" indent="-285750" eaLnBrk="0" hangingPunct="0">
              <a:spcBef>
                <a:spcPct val="20000"/>
              </a:spcBef>
              <a:buFont typeface="Arial" charset="0"/>
              <a:buChar char="–"/>
              <a:defRPr sz="2400">
                <a:solidFill>
                  <a:srgbClr val="064444"/>
                </a:solidFill>
                <a:latin typeface="Calibri" pitchFamily="34" charset="0"/>
                <a:ea typeface="ＭＳ Ｐゴシック" pitchFamily="34" charset="-128"/>
              </a:defRPr>
            </a:lvl2pPr>
            <a:lvl3pPr eaLnBrk="0" hangingPunct="0">
              <a:spcBef>
                <a:spcPct val="20000"/>
              </a:spcBef>
              <a:buFont typeface="Arial" charset="0"/>
              <a:buChar char="•"/>
              <a:defRPr sz="2000">
                <a:solidFill>
                  <a:srgbClr val="064444"/>
                </a:solidFill>
                <a:latin typeface="Calibri" pitchFamily="34" charset="0"/>
                <a:ea typeface="ＭＳ Ｐゴシック" pitchFamily="34" charset="-128"/>
              </a:defRPr>
            </a:lvl3pPr>
            <a:lvl4pPr marL="1600200" indent="-228600" eaLnBrk="0" hangingPunct="0">
              <a:spcBef>
                <a:spcPct val="20000"/>
              </a:spcBef>
              <a:buFont typeface="Arial" charset="0"/>
              <a:buChar char="–"/>
              <a:defRPr sz="1600">
                <a:solidFill>
                  <a:srgbClr val="064444"/>
                </a:solidFill>
                <a:latin typeface="Calibri" pitchFamily="34" charset="0"/>
                <a:ea typeface="ＭＳ Ｐゴシック" pitchFamily="34" charset="-128"/>
              </a:defRPr>
            </a:lvl4pPr>
            <a:lvl5pPr marL="2057400" indent="-228600" eaLnBrk="0" hangingPunct="0">
              <a:spcBef>
                <a:spcPct val="20000"/>
              </a:spcBef>
              <a:buFont typeface="Arial" charset="0"/>
              <a:buChar char="»"/>
              <a:defRPr sz="1400">
                <a:solidFill>
                  <a:srgbClr val="064444"/>
                </a:solidFill>
                <a:latin typeface="Calibri" pitchFamily="34" charset="0"/>
                <a:ea typeface="ＭＳ Ｐゴシック" pitchFamily="34" charset="-128"/>
              </a:defRPr>
            </a:lvl5pPr>
            <a:lvl6pPr marL="2514600" indent="-228600" defTabSz="457200" eaLnBrk="0" fontAlgn="base" hangingPunct="0">
              <a:spcBef>
                <a:spcPct val="20000"/>
              </a:spcBef>
              <a:spcAft>
                <a:spcPct val="0"/>
              </a:spcAft>
              <a:buFont typeface="Arial" charset="0"/>
              <a:buChar char="»"/>
              <a:defRPr sz="1400">
                <a:solidFill>
                  <a:srgbClr val="064444"/>
                </a:solidFill>
                <a:latin typeface="Calibri" pitchFamily="34" charset="0"/>
                <a:ea typeface="ＭＳ Ｐゴシック" pitchFamily="34" charset="-128"/>
              </a:defRPr>
            </a:lvl6pPr>
            <a:lvl7pPr marL="2971800" indent="-228600" defTabSz="457200" eaLnBrk="0" fontAlgn="base" hangingPunct="0">
              <a:spcBef>
                <a:spcPct val="20000"/>
              </a:spcBef>
              <a:spcAft>
                <a:spcPct val="0"/>
              </a:spcAft>
              <a:buFont typeface="Arial" charset="0"/>
              <a:buChar char="»"/>
              <a:defRPr sz="1400">
                <a:solidFill>
                  <a:srgbClr val="064444"/>
                </a:solidFill>
                <a:latin typeface="Calibri" pitchFamily="34" charset="0"/>
                <a:ea typeface="ＭＳ Ｐゴシック" pitchFamily="34" charset="-128"/>
              </a:defRPr>
            </a:lvl7pPr>
            <a:lvl8pPr marL="3429000" indent="-228600" defTabSz="457200" eaLnBrk="0" fontAlgn="base" hangingPunct="0">
              <a:spcBef>
                <a:spcPct val="20000"/>
              </a:spcBef>
              <a:spcAft>
                <a:spcPct val="0"/>
              </a:spcAft>
              <a:buFont typeface="Arial" charset="0"/>
              <a:buChar char="»"/>
              <a:defRPr sz="1400">
                <a:solidFill>
                  <a:srgbClr val="064444"/>
                </a:solidFill>
                <a:latin typeface="Calibri" pitchFamily="34" charset="0"/>
                <a:ea typeface="ＭＳ Ｐゴシック" pitchFamily="34" charset="-128"/>
              </a:defRPr>
            </a:lvl8pPr>
            <a:lvl9pPr marL="3886200" indent="-228600" defTabSz="457200" eaLnBrk="0" fontAlgn="base" hangingPunct="0">
              <a:spcBef>
                <a:spcPct val="20000"/>
              </a:spcBef>
              <a:spcAft>
                <a:spcPct val="0"/>
              </a:spcAft>
              <a:buFont typeface="Arial" charset="0"/>
              <a:buChar char="»"/>
              <a:defRPr sz="1400">
                <a:solidFill>
                  <a:srgbClr val="064444"/>
                </a:solidFill>
                <a:latin typeface="Calibri" pitchFamily="34" charset="0"/>
                <a:ea typeface="ＭＳ Ｐゴシック" pitchFamily="34" charset="-128"/>
              </a:defRPr>
            </a:lvl9pPr>
          </a:lstStyle>
          <a:p>
            <a:pPr marL="0" lvl="2" eaLnBrk="1" hangingPunct="1">
              <a:lnSpc>
                <a:spcPct val="80000"/>
              </a:lnSpc>
              <a:spcBef>
                <a:spcPct val="0"/>
              </a:spcBef>
              <a:buFontTx/>
              <a:buNone/>
            </a:pPr>
            <a:r>
              <a:rPr lang="lv-LV" altLang="lv-LV" sz="2400" b="1" dirty="0">
                <a:solidFill>
                  <a:srgbClr val="232176"/>
                </a:solidFill>
                <a:latin typeface="Verdana" pitchFamily="34" charset="0"/>
                <a:cs typeface="Arial" charset="0"/>
              </a:rPr>
              <a:t>Reizēm studiju materiāli nav tik svarīgi, kā labi izstrādāts un organizēts studiju process</a:t>
            </a:r>
          </a:p>
        </p:txBody>
      </p:sp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20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418217183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numura vietturis 1">
            <a:extLst>
              <a:ext uri="{FF2B5EF4-FFF2-40B4-BE49-F238E27FC236}">
                <a16:creationId xmlns:a16="http://schemas.microsoft.com/office/drawing/2014/main" id="{E1646B9F-DEE4-418D-9E91-D2BAF7AC628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C211C14-DBFE-4749-A32C-5BAFE36B542C}" type="slidenum">
              <a:rPr lang="lv-LV" altLang="lv-LV" smtClean="0"/>
              <a:pPr>
                <a:defRPr/>
              </a:pPr>
              <a:t>21</a:t>
            </a:fld>
            <a:endParaRPr lang="lv-LV" altLang="lv-LV"/>
          </a:p>
        </p:txBody>
      </p:sp>
      <p:pic>
        <p:nvPicPr>
          <p:cNvPr id="3" name="Attēls 2">
            <a:extLst>
              <a:ext uri="{FF2B5EF4-FFF2-40B4-BE49-F238E27FC236}">
                <a16:creationId xmlns:a16="http://schemas.microsoft.com/office/drawing/2014/main" id="{51EB7D79-EDF9-41AF-AE08-B179B0EF7B95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l="15957" t="18566" r="36564" b="21845"/>
          <a:stretch/>
        </p:blipFill>
        <p:spPr>
          <a:xfrm>
            <a:off x="539552" y="476672"/>
            <a:ext cx="7927738" cy="5596758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54807839-ABB5-4068-84B6-0EE25BA89E16}"/>
              </a:ext>
            </a:extLst>
          </p:cNvPr>
          <p:cNvSpPr txBox="1"/>
          <p:nvPr/>
        </p:nvSpPr>
        <p:spPr>
          <a:xfrm>
            <a:off x="539552" y="6248400"/>
            <a:ext cx="6840760" cy="461665"/>
          </a:xfrm>
          <a:prstGeom prst="rect">
            <a:avLst/>
          </a:prstGeom>
          <a:solidFill>
            <a:srgbClr val="FFFF00"/>
          </a:solidFill>
        </p:spPr>
        <p:txBody>
          <a:bodyPr wrap="square" rtlCol="0">
            <a:spAutoFit/>
          </a:bodyPr>
          <a:lstStyle/>
          <a:p>
            <a:r>
              <a:rPr lang="lv-LV" dirty="0">
                <a:latin typeface="Arial" panose="020B0604020202020204" pitchFamily="34" charset="0"/>
                <a:cs typeface="Arial" panose="020B0604020202020204" pitchFamily="34" charset="0"/>
              </a:rPr>
              <a:t>No OU kursa «</a:t>
            </a:r>
            <a:r>
              <a:rPr lang="lv-LV" dirty="0" err="1">
                <a:latin typeface="Arial" panose="020B0604020202020204" pitchFamily="34" charset="0"/>
                <a:cs typeface="Arial" panose="020B0604020202020204" pitchFamily="34" charset="0"/>
              </a:rPr>
              <a:t>Teaching</a:t>
            </a:r>
            <a:r>
              <a:rPr lang="lv-LV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  <a:r>
              <a:rPr lang="lv-LV" dirty="0" err="1">
                <a:latin typeface="Arial" panose="020B0604020202020204" pitchFamily="34" charset="0"/>
                <a:cs typeface="Arial" panose="020B0604020202020204" pitchFamily="34" charset="0"/>
              </a:rPr>
              <a:t>Online</a:t>
            </a:r>
            <a:r>
              <a:rPr lang="lv-LV" dirty="0">
                <a:latin typeface="Arial" panose="020B0604020202020204" pitchFamily="34" charset="0"/>
                <a:cs typeface="Arial" panose="020B0604020202020204" pitchFamily="34" charset="0"/>
              </a:rPr>
              <a:t>» </a:t>
            </a:r>
          </a:p>
        </p:txBody>
      </p:sp>
    </p:spTree>
    <p:extLst>
      <p:ext uri="{BB962C8B-B14F-4D97-AF65-F5344CB8AC3E}">
        <p14:creationId xmlns:p14="http://schemas.microsoft.com/office/powerpoint/2010/main" val="1356242931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aida numura vietturis 1">
            <a:extLst>
              <a:ext uri="{FF2B5EF4-FFF2-40B4-BE49-F238E27FC236}">
                <a16:creationId xmlns:a16="http://schemas.microsoft.com/office/drawing/2014/main" id="{9F2FF457-4186-4DF3-9D90-A3A1A6B716A3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C211C14-DBFE-4749-A32C-5BAFE36B542C}" type="slidenum">
              <a:rPr lang="lv-LV" altLang="lv-LV" smtClean="0"/>
              <a:pPr>
                <a:defRPr/>
              </a:pPr>
              <a:t>22</a:t>
            </a:fld>
            <a:endParaRPr lang="lv-LV" altLang="lv-LV"/>
          </a:p>
        </p:txBody>
      </p:sp>
      <p:pic>
        <p:nvPicPr>
          <p:cNvPr id="3" name="Attēls 2">
            <a:extLst>
              <a:ext uri="{FF2B5EF4-FFF2-40B4-BE49-F238E27FC236}">
                <a16:creationId xmlns:a16="http://schemas.microsoft.com/office/drawing/2014/main" id="{371AE164-9370-4323-BB56-9FE9B1B29DDD}"/>
              </a:ext>
            </a:extLst>
          </p:cNvPr>
          <p:cNvPicPr>
            <a:picLocks noChangeAspect="1"/>
          </p:cNvPicPr>
          <p:nvPr/>
        </p:nvPicPr>
        <p:blipFill rotWithShape="1">
          <a:blip r:embed="rId2"/>
          <a:srcRect l="27163" t="16401" r="27163" b="10801"/>
          <a:stretch/>
        </p:blipFill>
        <p:spPr>
          <a:xfrm>
            <a:off x="755576" y="151394"/>
            <a:ext cx="7200800" cy="6455890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6371846C-525C-40F3-AA05-D8BD590F826C}"/>
              </a:ext>
            </a:extLst>
          </p:cNvPr>
          <p:cNvSpPr txBox="1"/>
          <p:nvPr/>
        </p:nvSpPr>
        <p:spPr>
          <a:xfrm>
            <a:off x="5148064" y="151394"/>
            <a:ext cx="3600400" cy="400110"/>
          </a:xfrm>
          <a:prstGeom prst="rect">
            <a:avLst/>
          </a:prstGeom>
          <a:solidFill>
            <a:srgbClr val="FFFF00"/>
          </a:solidFill>
        </p:spPr>
        <p:txBody>
          <a:bodyPr wrap="square" rtlCol="0">
            <a:spAutoFit/>
          </a:bodyPr>
          <a:lstStyle/>
          <a:p>
            <a:r>
              <a:rPr lang="lv-LV" sz="2000" dirty="0">
                <a:latin typeface="Arial" panose="020B0604020202020204" pitchFamily="34" charset="0"/>
                <a:cs typeface="Arial" panose="020B0604020202020204" pitchFamily="34" charset="0"/>
              </a:rPr>
              <a:t>No Dublinas Universitātes</a:t>
            </a:r>
          </a:p>
        </p:txBody>
      </p:sp>
    </p:spTree>
    <p:extLst>
      <p:ext uri="{BB962C8B-B14F-4D97-AF65-F5344CB8AC3E}">
        <p14:creationId xmlns:p14="http://schemas.microsoft.com/office/powerpoint/2010/main" val="1034377474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3 mijiedarbības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  Students                studiju materiāli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  Pasniedzējs           student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  Students                </a:t>
            </a:r>
            <a:r>
              <a:rPr lang="lv-LV" altLang="lv-LV" sz="2800" b="1" dirty="0" err="1">
                <a:solidFill>
                  <a:srgbClr val="000000"/>
                </a:solidFill>
                <a:latin typeface="Arial" charset="0"/>
              </a:rPr>
              <a:t>students</a:t>
            </a:r>
            <a:endParaRPr lang="lv-LV" altLang="lv-LV" sz="2800" b="1" dirty="0">
              <a:solidFill>
                <a:srgbClr val="000000"/>
              </a:solidFill>
              <a:latin typeface="Arial" charset="0"/>
            </a:endParaRPr>
          </a:p>
          <a:p>
            <a:pPr lvl="1">
              <a:lnSpc>
                <a:spcPct val="140000"/>
              </a:lnSpc>
              <a:buClr>
                <a:srgbClr val="CC0099"/>
              </a:buClr>
              <a:buFont typeface="Wingdings" pitchFamily="2" charset="2"/>
              <a:buChar char="u"/>
            </a:pPr>
            <a:endParaRPr lang="lv-LV" altLang="en-US" sz="16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883138295"/>
              </p:ext>
            </p:extLst>
          </p:nvPr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2050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9635972"/>
              </p:ext>
            </p:extLst>
          </p:nvPr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2051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23</a:t>
            </a:fld>
            <a:endParaRPr lang="lv-LV" altLang="lv-LV"/>
          </a:p>
        </p:txBody>
      </p:sp>
      <p:cxnSp>
        <p:nvCxnSpPr>
          <p:cNvPr id="4" name="Taisns bultveida savienotājs 3">
            <a:extLst>
              <a:ext uri="{FF2B5EF4-FFF2-40B4-BE49-F238E27FC236}">
                <a16:creationId xmlns:a16="http://schemas.microsoft.com/office/drawing/2014/main" id="{1360EFA1-D8EF-4FE0-90C1-E56498A8B471}"/>
              </a:ext>
            </a:extLst>
          </p:cNvPr>
          <p:cNvCxnSpPr/>
          <p:nvPr/>
        </p:nvCxnSpPr>
        <p:spPr bwMode="auto">
          <a:xfrm>
            <a:off x="3563888" y="2852936"/>
            <a:ext cx="576064" cy="0"/>
          </a:xfrm>
          <a:prstGeom prst="straightConnector1">
            <a:avLst/>
          </a:prstGeom>
          <a:ln>
            <a:headEnd type="triangle"/>
            <a:tailEnd type="triangle"/>
          </a:ln>
        </p:spPr>
        <p:style>
          <a:lnRef idx="3">
            <a:schemeClr val="accent4"/>
          </a:lnRef>
          <a:fillRef idx="0">
            <a:schemeClr val="accent4"/>
          </a:fillRef>
          <a:effectRef idx="2">
            <a:schemeClr val="accent4"/>
          </a:effectRef>
          <a:fontRef idx="minor">
            <a:schemeClr val="tx1"/>
          </a:fontRef>
        </p:style>
      </p:cxnSp>
      <p:cxnSp>
        <p:nvCxnSpPr>
          <p:cNvPr id="9" name="Taisns bultveida savienotājs 8">
            <a:extLst>
              <a:ext uri="{FF2B5EF4-FFF2-40B4-BE49-F238E27FC236}">
                <a16:creationId xmlns:a16="http://schemas.microsoft.com/office/drawing/2014/main" id="{2492CB51-3DFE-41B8-8072-BB9A3B2BC92B}"/>
              </a:ext>
            </a:extLst>
          </p:cNvPr>
          <p:cNvCxnSpPr/>
          <p:nvPr/>
        </p:nvCxnSpPr>
        <p:spPr bwMode="auto">
          <a:xfrm>
            <a:off x="3563888" y="3356992"/>
            <a:ext cx="576064" cy="0"/>
          </a:xfrm>
          <a:prstGeom prst="straightConnector1">
            <a:avLst/>
          </a:prstGeom>
          <a:ln>
            <a:headEnd type="triangle"/>
            <a:tailEnd type="triangle"/>
          </a:ln>
        </p:spPr>
        <p:style>
          <a:lnRef idx="3">
            <a:schemeClr val="accent4"/>
          </a:lnRef>
          <a:fillRef idx="0">
            <a:schemeClr val="accent4"/>
          </a:fillRef>
          <a:effectRef idx="2">
            <a:schemeClr val="accent4"/>
          </a:effectRef>
          <a:fontRef idx="minor">
            <a:schemeClr val="tx1"/>
          </a:fontRef>
        </p:style>
      </p:cxnSp>
      <p:cxnSp>
        <p:nvCxnSpPr>
          <p:cNvPr id="10" name="Taisns bultveida savienotājs 9">
            <a:extLst>
              <a:ext uri="{FF2B5EF4-FFF2-40B4-BE49-F238E27FC236}">
                <a16:creationId xmlns:a16="http://schemas.microsoft.com/office/drawing/2014/main" id="{8C741C88-3107-4DAD-83C9-4941DAD3B926}"/>
              </a:ext>
            </a:extLst>
          </p:cNvPr>
          <p:cNvCxnSpPr/>
          <p:nvPr/>
        </p:nvCxnSpPr>
        <p:spPr bwMode="auto">
          <a:xfrm>
            <a:off x="3563888" y="3861048"/>
            <a:ext cx="576064" cy="0"/>
          </a:xfrm>
          <a:prstGeom prst="straightConnector1">
            <a:avLst/>
          </a:prstGeom>
          <a:ln>
            <a:headEnd type="triangle"/>
            <a:tailEnd type="triangle"/>
          </a:ln>
        </p:spPr>
        <p:style>
          <a:lnRef idx="3">
            <a:schemeClr val="accent4"/>
          </a:lnRef>
          <a:fillRef idx="0">
            <a:schemeClr val="accent4"/>
          </a:fillRef>
          <a:effectRef idx="2">
            <a:schemeClr val="accent4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150945166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Students – studiju materiāli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  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Pieejama un pieņemama tehnoloģija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Brīvpieejas mācību materiāli (OER), MOOC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Īsi teikumi, saprotami termini, vienkārši skaidrojumi u.c.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Attēli, grafiki, shēma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Īsi video (līdz 5 min.)</a:t>
            </a:r>
          </a:p>
          <a:p>
            <a:pPr marL="0" indent="0">
              <a:buClr>
                <a:srgbClr val="CC0099"/>
              </a:buClr>
              <a:buNone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/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7378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307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/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7379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3077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24</a:t>
            </a:fld>
            <a:endParaRPr lang="lv-LV" altLang="lv-LV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50D689BA-5F1A-427A-8F3E-BB49294C627A}"/>
              </a:ext>
            </a:extLst>
          </p:cNvPr>
          <p:cNvSpPr txBox="1"/>
          <p:nvPr/>
        </p:nvSpPr>
        <p:spPr>
          <a:xfrm>
            <a:off x="399592" y="5088939"/>
            <a:ext cx="856895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lv-LV" altLang="lv-LV" b="1" dirty="0">
                <a:solidFill>
                  <a:srgbClr val="0070C0"/>
                </a:solidFill>
                <a:latin typeface="Arial" panose="020B0604020202020204" pitchFamily="34" charset="0"/>
              </a:rPr>
              <a:t>Tekstam ir jābūt tik garam, lai pateiktu būtību, un tik īsam cik vien iespējams, lai tomēr pateiktu svarīgāko </a:t>
            </a:r>
            <a:r>
              <a:rPr lang="lv-LV" altLang="lv-LV" b="1" dirty="0">
                <a:solidFill>
                  <a:srgbClr val="0070C0"/>
                </a:solidFill>
                <a:latin typeface="Arial" panose="020B0604020202020204" pitchFamily="34" charset="0"/>
                <a:sym typeface="Wingdings" panose="05000000000000000000" pitchFamily="2" charset="2"/>
              </a:rPr>
              <a:t>!</a:t>
            </a:r>
            <a:endParaRPr lang="lv-LV" altLang="lv-LV" b="1" dirty="0">
              <a:solidFill>
                <a:srgbClr val="0070C0"/>
              </a:solidFill>
              <a:latin typeface="Arial" panose="020B0604020202020204" pitchFamily="34" charset="0"/>
            </a:endParaRPr>
          </a:p>
          <a:p>
            <a:endParaRPr lang="lv-LV" dirty="0"/>
          </a:p>
        </p:txBody>
      </p:sp>
    </p:spTree>
    <p:extLst>
      <p:ext uri="{BB962C8B-B14F-4D97-AF65-F5344CB8AC3E}">
        <p14:creationId xmlns:p14="http://schemas.microsoft.com/office/powerpoint/2010/main" val="38364412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Pasniedzējs - students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  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Lekcija efektīva motivēšanai, socializācijai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Interaktīva lekcija ar </a:t>
            </a: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Pool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tehniku, bet aktīvai sarunai maza grupa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Dažādi mācīšanās stili – ne visi aktīvi diskutēs – motivē ar bonusiem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en-US" sz="2400" b="1" dirty="0">
                <a:solidFill>
                  <a:srgbClr val="000000"/>
                </a:solidFill>
                <a:latin typeface="Arial" charset="0"/>
                <a:cs typeface="Times New Roman" pitchFamily="18" charset="0"/>
              </a:rPr>
              <a:t> Atgriezeniskā saite svarīga abiem</a:t>
            </a:r>
            <a:endParaRPr lang="lv-LV" altLang="en-US" sz="24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/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6346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307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/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6347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3077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25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3389434305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Students - students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  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Studenti jāmotivē mācīties nelielās grupā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</a:t>
            </a:r>
            <a:r>
              <a:rPr lang="lv-LV" altLang="en-US" sz="2400" b="1" dirty="0">
                <a:solidFill>
                  <a:srgbClr val="000000"/>
                </a:solidFill>
                <a:latin typeface="Arial" charset="0"/>
                <a:cs typeface="Times New Roman" pitchFamily="18" charset="0"/>
              </a:rPr>
              <a:t>Dod kopīgu uzdevumu grupai – </a:t>
            </a:r>
            <a:r>
              <a:rPr lang="lv-LV" altLang="en-US" sz="2400" b="1" dirty="0" err="1">
                <a:solidFill>
                  <a:srgbClr val="000000"/>
                </a:solidFill>
                <a:latin typeface="Arial" charset="0"/>
                <a:cs typeface="Times New Roman" pitchFamily="18" charset="0"/>
              </a:rPr>
              <a:t>project</a:t>
            </a:r>
            <a:r>
              <a:rPr lang="lv-LV" altLang="en-US" sz="2400" b="1" dirty="0">
                <a:solidFill>
                  <a:srgbClr val="000000"/>
                </a:solidFill>
                <a:latin typeface="Arial" charset="0"/>
                <a:cs typeface="Times New Roman" pitchFamily="18" charset="0"/>
              </a:rPr>
              <a:t> </a:t>
            </a:r>
            <a:r>
              <a:rPr lang="lv-LV" altLang="en-US" sz="2400" b="1" dirty="0" err="1">
                <a:solidFill>
                  <a:srgbClr val="000000"/>
                </a:solidFill>
                <a:latin typeface="Arial" charset="0"/>
                <a:cs typeface="Times New Roman" pitchFamily="18" charset="0"/>
              </a:rPr>
              <a:t>based</a:t>
            </a:r>
            <a:r>
              <a:rPr lang="lv-LV" altLang="en-US" sz="2400" b="1" dirty="0">
                <a:solidFill>
                  <a:srgbClr val="000000"/>
                </a:solidFill>
                <a:latin typeface="Arial" charset="0"/>
                <a:cs typeface="Times New Roman" pitchFamily="18" charset="0"/>
              </a:rPr>
              <a:t> </a:t>
            </a:r>
            <a:r>
              <a:rPr lang="lv-LV" altLang="en-US" sz="2400" b="1" dirty="0" err="1">
                <a:solidFill>
                  <a:srgbClr val="000000"/>
                </a:solidFill>
                <a:latin typeface="Arial" charset="0"/>
                <a:cs typeface="Times New Roman" pitchFamily="18" charset="0"/>
              </a:rPr>
              <a:t>learning</a:t>
            </a:r>
            <a:endParaRPr lang="lv-LV" altLang="en-US" sz="2400" b="1" dirty="0">
              <a:solidFill>
                <a:srgbClr val="000000"/>
              </a:solidFill>
              <a:latin typeface="Arial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  <a:cs typeface="Times New Roman" pitchFamily="18" charset="0"/>
              </a:rPr>
              <a:t>  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Savstarpējs atbalsts, skaidro viens otram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Apmainās ar saitēm uz papildus resursiem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Sociālie </a:t>
            </a:r>
            <a:r>
              <a:rPr lang="lv-LV" altLang="lv-LV" sz="2400" b="1">
                <a:solidFill>
                  <a:srgbClr val="000000"/>
                </a:solidFill>
                <a:latin typeface="Arial" charset="0"/>
              </a:rPr>
              <a:t>tīkli izglītībai</a:t>
            </a: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 Mācāmies visi kopā!</a:t>
            </a:r>
          </a:p>
          <a:p>
            <a:pPr marL="0" indent="0">
              <a:buClr>
                <a:srgbClr val="CC0099"/>
              </a:buClr>
              <a:buNone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/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9418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307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/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9419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3077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26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1691151401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Noslēgums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352928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Modernās tehnoloģijas un </a:t>
            </a: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Open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</a:t>
            </a: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Education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principi </a:t>
            </a: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palielina pieejamību 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un </a:t>
            </a:r>
            <a:r>
              <a:rPr lang="lv-LV" altLang="lv-LV" sz="2400" b="1" dirty="0">
                <a:solidFill>
                  <a:srgbClr val="FF00FF"/>
                </a:solidFill>
                <a:latin typeface="Arial" charset="0"/>
              </a:rPr>
              <a:t>studiju efektivitāti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Mainās akadēmiskā personāla darba stils un loma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Galvenais ir mācību process nevis tehnoloģijas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Izmēģiniet jaunas pieejas, bet pārbaudiet efektu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Vai studenti labāk iemācās?</a:t>
            </a:r>
            <a:endParaRPr lang="lv-LV" altLang="en-US" sz="16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084225337"/>
              </p:ext>
            </p:extLst>
          </p:nvPr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1026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4167411902"/>
              </p:ext>
            </p:extLst>
          </p:nvPr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1027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27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221992038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2"/>
          <p:cNvSpPr>
            <a:spLocks noGrp="1" noChangeArrowheads="1"/>
          </p:cNvSpPr>
          <p:nvPr>
            <p:ph type="title"/>
          </p:nvPr>
        </p:nvSpPr>
        <p:spPr>
          <a:xfrm>
            <a:off x="762000" y="2895600"/>
            <a:ext cx="7772400" cy="838200"/>
          </a:xfrm>
        </p:spPr>
        <p:txBody>
          <a:bodyPr/>
          <a:lstStyle/>
          <a:p>
            <a:r>
              <a:rPr lang="lv-LV" altLang="lv-LV" sz="4800" b="1" dirty="0">
                <a:solidFill>
                  <a:srgbClr val="CC0099"/>
                </a:solidFill>
                <a:latin typeface="Arial" charset="0"/>
              </a:rPr>
              <a:t>Jautājumi ?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24579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762000" y="2286000"/>
            <a:ext cx="7848600" cy="3048000"/>
          </a:xfrm>
        </p:spPr>
        <p:txBody>
          <a:bodyPr/>
          <a:lstStyle/>
          <a:p>
            <a:pPr>
              <a:lnSpc>
                <a:spcPct val="170000"/>
              </a:lnSpc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600" b="1" dirty="0">
              <a:latin typeface="Arial" charset="0"/>
            </a:endParaRPr>
          </a:p>
          <a:p>
            <a:pPr marL="0" indent="0">
              <a:lnSpc>
                <a:spcPct val="170000"/>
              </a:lnSpc>
              <a:buNone/>
            </a:pPr>
            <a:r>
              <a:rPr lang="lv-LV" altLang="lv-LV" sz="2000" b="1" dirty="0">
                <a:latin typeface="Arial" charset="0"/>
              </a:rPr>
              <a:t> </a:t>
            </a:r>
          </a:p>
        </p:txBody>
      </p:sp>
      <p:graphicFrame>
        <p:nvGraphicFramePr>
          <p:cNvPr id="24580" name="Object 4"/>
          <p:cNvGraphicFramePr>
            <a:graphicFrameLocks noChangeAspect="1"/>
          </p:cNvGraphicFramePr>
          <p:nvPr/>
        </p:nvGraphicFramePr>
        <p:xfrm>
          <a:off x="685800" y="457200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4700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5800" y="457200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2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232374879"/>
              </p:ext>
            </p:extLst>
          </p:nvPr>
        </p:nvGraphicFramePr>
        <p:xfrm>
          <a:off x="1187450" y="6110288"/>
          <a:ext cx="6743700" cy="14954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4701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0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87450" y="6110288"/>
                        <a:ext cx="6743700" cy="149542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3" name="Slaida numura vietturis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28</a:t>
            </a:fld>
            <a:endParaRPr lang="lv-LV" altLang="lv-LV"/>
          </a:p>
        </p:txBody>
      </p:sp>
    </p:spTree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Par mācību metodiku LV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Slaidiņš I. Tālmācība Latvijas augstskolās. Ievads e-studiju metodikā un tehnoloģijā. Izglītības un zinātnes ministrija, 2003. 40 lpp.</a:t>
            </a:r>
            <a:r>
              <a:rPr lang="en-US" altLang="en-US" sz="24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</a:t>
            </a:r>
            <a:r>
              <a:rPr lang="lv-LV" altLang="en-US" sz="18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Tagad teksta materiāls atrodams </a:t>
            </a:r>
            <a:r>
              <a:rPr lang="lv-LV" altLang="en-US" sz="18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  <a:hlinkClick r:id="rId3"/>
              </a:rPr>
              <a:t>https://eduspace.lv/</a:t>
            </a:r>
            <a:r>
              <a:rPr lang="lv-LV" altLang="en-US" sz="18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Slaidiņš I. Labās prakses rokasgrāmata e-studijās iesaistītajiem. 2005. </a:t>
            </a:r>
            <a:r>
              <a:rPr lang="lv-LV" altLang="en-US" sz="18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  <a:hlinkClick r:id="rId4"/>
              </a:rPr>
              <a:t>http://estudijas.llu.lv/pluginfile.php/39748/mod_resource/content/0/Rokasgramata%282%29.pdf</a:t>
            </a:r>
            <a:endParaRPr lang="lv-LV" altLang="en-US" sz="18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en-US" sz="2000" b="1" dirty="0" err="1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Kazuša</a:t>
            </a: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A., </a:t>
            </a:r>
            <a:r>
              <a:rPr lang="lv-LV" altLang="en-US" sz="2000" b="1" dirty="0" err="1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Laiveniece</a:t>
            </a: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D., </a:t>
            </a:r>
            <a:r>
              <a:rPr lang="lv-LV" altLang="en-US" sz="2000" b="1" dirty="0" err="1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Rozenfelde</a:t>
            </a: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M., Slaidiņš I., Štāle G. Metodiskais līdzeklis mācību materiālu izveidei un īstenošanai e-vidē. - Rīga : IZM VISC, 2011. - 109 lpp. </a:t>
            </a:r>
            <a:endParaRPr lang="lv-LV" altLang="en-US" sz="16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795719800"/>
              </p:ext>
            </p:extLst>
          </p:nvPr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3866" name="Document" r:id="rId5" imgW="6925056" imgH="1670304" progId="Word.Document.8">
                  <p:embed/>
                </p:oleObj>
              </mc:Choice>
              <mc:Fallback>
                <p:oleObj name="Document" r:id="rId5" imgW="6925056" imgH="167030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160136905"/>
              </p:ext>
            </p:extLst>
          </p:nvPr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3867" name="Document" r:id="rId7" imgW="5485033" imgH="1227394" progId="Word.Document.8">
                  <p:embed/>
                </p:oleObj>
              </mc:Choice>
              <mc:Fallback>
                <p:oleObj name="Document" r:id="rId7" imgW="5485033" imgH="122739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29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4050366171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3568" y="1628800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Blūma taksonomija – kā cilvēks mācās?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461656"/>
            <a:ext cx="6120680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Zināšana (atcerēšanās)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Izpratne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Lietošana (izmantošana praksē)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Analīze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Sintēze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800" b="1" dirty="0">
                <a:solidFill>
                  <a:srgbClr val="000000"/>
                </a:solidFill>
                <a:latin typeface="Arial" charset="0"/>
              </a:rPr>
              <a:t>Novērtēšana</a:t>
            </a:r>
          </a:p>
          <a:p>
            <a:pPr lvl="1">
              <a:lnSpc>
                <a:spcPct val="140000"/>
              </a:lnSpc>
              <a:buClr>
                <a:srgbClr val="CC0099"/>
              </a:buClr>
              <a:buFont typeface="Wingdings" pitchFamily="2" charset="2"/>
              <a:buChar char="u"/>
            </a:pPr>
            <a:endParaRPr lang="lv-LV" altLang="en-US" sz="16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851123549"/>
              </p:ext>
            </p:extLst>
          </p:nvPr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7962" name="Document" r:id="rId3" imgW="6925056" imgH="1670304" progId="Word.Document.8">
                  <p:embed/>
                </p:oleObj>
              </mc:Choice>
              <mc:Fallback>
                <p:oleObj name="Document" r:id="rId3" imgW="6925056" imgH="167030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4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1363366069"/>
              </p:ext>
            </p:extLst>
          </p:nvPr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37963" name="Document" r:id="rId5" imgW="5485033" imgH="1227394" progId="Word.Document.8">
                  <p:embed/>
                </p:oleObj>
              </mc:Choice>
              <mc:Fallback>
                <p:oleObj name="Document" r:id="rId5" imgW="5485033" imgH="122739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3</a:t>
            </a:fld>
            <a:endParaRPr lang="lv-LV" altLang="lv-LV"/>
          </a:p>
        </p:txBody>
      </p:sp>
      <p:pic>
        <p:nvPicPr>
          <p:cNvPr id="4" name="Attēls 3">
            <a:extLst>
              <a:ext uri="{FF2B5EF4-FFF2-40B4-BE49-F238E27FC236}">
                <a16:creationId xmlns:a16="http://schemas.microsoft.com/office/drawing/2014/main" id="{8E56328D-48E3-4225-992C-52D163D34A22}"/>
              </a:ext>
            </a:extLst>
          </p:cNvPr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506777" y="4033437"/>
            <a:ext cx="3637223" cy="222023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74588892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785257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Par tehnoloģijām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564904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Bruno </a:t>
            </a: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Žugas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mācību video par </a:t>
            </a: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iSpring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</a:t>
            </a: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Free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</a:t>
            </a: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Cam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rīku 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  <a:hlinkClick r:id="rId3"/>
              </a:rPr>
              <a:t>https://www.youtube.com/watch?v=tAtb9r6AicM</a:t>
            </a:r>
            <a:endParaRPr lang="lv-LV" altLang="en-US" sz="16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en-US" sz="24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Video uzņemšana priekš </a:t>
            </a:r>
            <a:r>
              <a:rPr lang="lv-LV" altLang="en-US" sz="2400" b="1" dirty="0" err="1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Flipped</a:t>
            </a:r>
            <a:r>
              <a:rPr lang="lv-LV" altLang="en-US" sz="24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</a:t>
            </a:r>
            <a:r>
              <a:rPr lang="lv-LV" altLang="en-US" sz="2400" b="1" dirty="0" err="1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Classroom</a:t>
            </a:r>
            <a:r>
              <a:rPr lang="lv-LV" altLang="en-US" sz="24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</a:t>
            </a:r>
            <a:r>
              <a:rPr lang="lv-LV" altLang="en-US" sz="24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  <a:hlinkClick r:id="rId4"/>
              </a:rPr>
              <a:t>https://www.youtube.com/watch?v=GuA8f-PCHu9c</a:t>
            </a:r>
            <a:r>
              <a:rPr lang="lv-LV" altLang="en-US" sz="24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Open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</a:t>
            </a:r>
            <a:r>
              <a:rPr lang="lv-LV" altLang="lv-LV" sz="2400" b="1" dirty="0" err="1">
                <a:solidFill>
                  <a:srgbClr val="000000"/>
                </a:solidFill>
                <a:latin typeface="Arial" charset="0"/>
              </a:rPr>
              <a:t>Teach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resursi 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  <a:hlinkClick r:id="rId5"/>
              </a:rPr>
              <a:t>https://openteach.ie/resources/</a:t>
            </a: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 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/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60426" name="Document" r:id="rId6" imgW="6925056" imgH="1670304" progId="Word.Document.8">
                  <p:embed/>
                </p:oleObj>
              </mc:Choice>
              <mc:Fallback>
                <p:oleObj name="Document" r:id="rId6" imgW="6925056" imgH="1670304" progId="Word.Document.8">
                  <p:embed/>
                  <p:pic>
                    <p:nvPicPr>
                      <p:cNvPr id="307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/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60427" name="Document" r:id="rId8" imgW="5485033" imgH="1227394" progId="Word.Document.8">
                  <p:embed/>
                </p:oleObj>
              </mc:Choice>
              <mc:Fallback>
                <p:oleObj name="Document" r:id="rId8" imgW="5485033" imgH="1227394" progId="Word.Document.8">
                  <p:embed/>
                  <p:pic>
                    <p:nvPicPr>
                      <p:cNvPr id="3077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30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297057950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699360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Vēl citi materiāli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2100" y="2450913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Kā motivēt studentus </a:t>
            </a:r>
            <a:r>
              <a:rPr lang="lv-LV" sz="2000" dirty="0">
                <a:hlinkClick r:id="rId3"/>
              </a:rPr>
              <a:t>https://www.youtube.com/watch?v=DvJuzE-g7OM</a:t>
            </a:r>
            <a:endParaRPr lang="lv-LV" sz="2000" dirty="0"/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Par </a:t>
            </a:r>
            <a:r>
              <a:rPr lang="lv-LV" altLang="en-US" sz="2000" b="1" dirty="0" err="1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mācoliem</a:t>
            </a: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</a:t>
            </a: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  <a:hlinkClick r:id="rId4"/>
              </a:rPr>
              <a:t>https://www.youtube.com/watch?v=5a_VZVOEQDc</a:t>
            </a: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Par mācību mērķiem un rezultātiem </a:t>
            </a: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  <a:hlinkClick r:id="rId5"/>
              </a:rPr>
              <a:t>https://www.youtube.com/watch?v=g_Xm5IljYKQ</a:t>
            </a: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en-US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Open University </a:t>
            </a:r>
            <a:r>
              <a:rPr lang="en-US" altLang="en-US" sz="2000" b="1" dirty="0" err="1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kurss</a:t>
            </a:r>
            <a:r>
              <a:rPr lang="en-US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«Teaching Online» 24 </a:t>
            </a:r>
            <a:r>
              <a:rPr lang="en-US" altLang="en-US" sz="2000" b="1" dirty="0" err="1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st.</a:t>
            </a: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</a:t>
            </a:r>
            <a:r>
              <a:rPr lang="en-US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  <a:hlinkClick r:id="rId6"/>
              </a:rPr>
              <a:t>https://www.open.edu/openlearn/education-development/education/take-your-teaching-online/content-section-overview?active-tab=description-tab</a:t>
            </a:r>
            <a:r>
              <a:rPr lang="lv-LV" altLang="en-US" sz="2000" b="1" dirty="0">
                <a:solidFill>
                  <a:srgbClr val="000000"/>
                </a:solidFill>
                <a:latin typeface="Arial" pitchFamily="34" charset="0"/>
                <a:cs typeface="Times New Roman" pitchFamily="18" charset="0"/>
              </a:rPr>
              <a:t> </a:t>
            </a:r>
            <a:endParaRPr lang="en-US" altLang="en-US" sz="20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en-US" sz="16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en-US" sz="16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en-US" sz="1600" b="1" dirty="0">
              <a:solidFill>
                <a:srgbClr val="000000"/>
              </a:solidFill>
              <a:latin typeface="Arial" pitchFamily="34" charset="0"/>
              <a:cs typeface="Times New Roman" pitchFamily="18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endParaRPr lang="lv-LV" altLang="lv-LV" sz="18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  <a:p>
            <a:pPr>
              <a:lnSpc>
                <a:spcPct val="170000"/>
              </a:lnSpc>
            </a:pPr>
            <a:endParaRPr lang="lv-LV" altLang="lv-LV" sz="24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027221833"/>
              </p:ext>
            </p:extLst>
          </p:nvPr>
        </p:nvGraphicFramePr>
        <p:xfrm>
          <a:off x="683568" y="500745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6144" name="Document" r:id="rId7" imgW="6925056" imgH="1670304" progId="Word.Document.8">
                  <p:embed/>
                </p:oleObj>
              </mc:Choice>
              <mc:Fallback>
                <p:oleObj name="Document" r:id="rId7" imgW="6925056" imgH="167030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500745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3211792699"/>
              </p:ext>
            </p:extLst>
          </p:nvPr>
        </p:nvGraphicFramePr>
        <p:xfrm>
          <a:off x="1043608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46145" name="Document" r:id="rId9" imgW="5485033" imgH="1227394" progId="Word.Document.8">
                  <p:embed/>
                </p:oleObj>
              </mc:Choice>
              <mc:Fallback>
                <p:oleObj name="Document" r:id="rId9" imgW="5485033" imgH="1227394" progId="Word.Document.8">
                  <p:embed/>
                  <p:pic>
                    <p:nvPicPr>
                      <p:cNvPr id="0" name="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0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43608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31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471195583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586508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Pirmie 3 līmeņi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357178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Zināšana (atcerēšanās). 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Prot ziņot, pārstāstīt vai citādi atkārtot apgūto. Spēj atcerēties atbilstošo informāciju un atkārtot to tieši tādu, kāda tā pasniegta.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Izpratne. 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Saprot un spēj izskaidrot, salīdzināt, uztvert būtisko, apkopot. Prot informāciju izteikt citiem vārdiem.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Lietošana (izmantošana). 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Prot pielietot zināšanas jaunās un konkrētās situācijās, risināt uzdevumus. Spēj izlemt kādas zināšanas – noteikumi, jēdzieni, principi, likumi un teorijas – jāizmanto. </a:t>
            </a: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/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1242" name="Document" r:id="rId4" imgW="6925056" imgH="1670304" progId="Word.Document.8">
                  <p:embed/>
                </p:oleObj>
              </mc:Choice>
              <mc:Fallback>
                <p:oleObj name="Document" r:id="rId4" imgW="6925056" imgH="1670304" progId="Word.Document.8">
                  <p:embed/>
                  <p:pic>
                    <p:nvPicPr>
                      <p:cNvPr id="307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/>
        </p:nvGraphicFramePr>
        <p:xfrm>
          <a:off x="1187624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1243" name="Document" r:id="rId6" imgW="5485033" imgH="1227394" progId="Word.Document.8">
                  <p:embed/>
                </p:oleObj>
              </mc:Choice>
              <mc:Fallback>
                <p:oleObj name="Document" r:id="rId6" imgW="5485033" imgH="1227394" progId="Word.Document.8">
                  <p:embed/>
                  <p:pic>
                    <p:nvPicPr>
                      <p:cNvPr id="3077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87624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4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4080078093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586508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Pirmie 3 līmeņi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357178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Zināšana (atcerēšanās). 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Prot ziņot, pārstāstīt vai citādi atkārtot apgūto. </a:t>
            </a:r>
            <a:r>
              <a:rPr lang="lv-LV" altLang="lv-LV" sz="2400" b="1" dirty="0">
                <a:solidFill>
                  <a:srgbClr val="C00000"/>
                </a:solidFill>
                <a:latin typeface="Arial" charset="0"/>
              </a:rPr>
              <a:t>Spēj atcerēties 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atbilstošo informāciju un atkārtot to tieši tādu, kāda tā pasniegta.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Izpratne. </a:t>
            </a:r>
            <a:r>
              <a:rPr lang="lv-LV" altLang="lv-LV" sz="2400" b="1" dirty="0">
                <a:solidFill>
                  <a:srgbClr val="C00000"/>
                </a:solidFill>
                <a:latin typeface="Arial" charset="0"/>
              </a:rPr>
              <a:t>Saprot un spēj izskaidrot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, salīdzināt, uztvert būtisko, apkopot. Prot informāciju izteikt citiem vārdiem.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Lietošana (izmantošana). </a:t>
            </a:r>
            <a:r>
              <a:rPr lang="lv-LV" altLang="lv-LV" sz="2400" b="1" dirty="0">
                <a:solidFill>
                  <a:srgbClr val="C00000"/>
                </a:solidFill>
                <a:latin typeface="Arial" charset="0"/>
              </a:rPr>
              <a:t>Prot pielietot 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zināšanas jaunās un konkrētās situācijās, risināt uzdevumus. Spēj izlemt kādas zināšanas – noteikumi, jēdzieni, principi, likumi un teorijas – jāizmanto.</a:t>
            </a: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/>
        </p:nvGraphicFramePr>
        <p:xfrm>
          <a:off x="683568" y="476672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298" name="Document" r:id="rId4" imgW="6925056" imgH="1670304" progId="Word.Document.8">
                  <p:embed/>
                </p:oleObj>
              </mc:Choice>
              <mc:Fallback>
                <p:oleObj name="Document" r:id="rId4" imgW="6925056" imgH="1670304" progId="Word.Document.8">
                  <p:embed/>
                  <p:pic>
                    <p:nvPicPr>
                      <p:cNvPr id="307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3568" y="476672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/>
        </p:nvGraphicFramePr>
        <p:xfrm>
          <a:off x="1187624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299" name="Document" r:id="rId6" imgW="5485033" imgH="1227394" progId="Word.Document.8">
                  <p:embed/>
                </p:oleObj>
              </mc:Choice>
              <mc:Fallback>
                <p:oleObj name="Document" r:id="rId6" imgW="5485033" imgH="1227394" progId="Word.Document.8">
                  <p:embed/>
                  <p:pic>
                    <p:nvPicPr>
                      <p:cNvPr id="3077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87624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5</a:t>
            </a:fld>
            <a:endParaRPr lang="lv-LV" altLang="lv-LV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68D0B3D2-C5DE-4BCC-9623-DC7AF7907889}"/>
              </a:ext>
            </a:extLst>
          </p:cNvPr>
          <p:cNvSpPr txBox="1"/>
          <p:nvPr/>
        </p:nvSpPr>
        <p:spPr>
          <a:xfrm>
            <a:off x="5152143" y="5481378"/>
            <a:ext cx="3672408" cy="830997"/>
          </a:xfrm>
          <a:prstGeom prst="rect">
            <a:avLst/>
          </a:prstGeom>
          <a:solidFill>
            <a:srgbClr val="FFFF00"/>
          </a:solidFill>
        </p:spPr>
        <p:txBody>
          <a:bodyPr wrap="square" rtlCol="0">
            <a:spAutoFit/>
          </a:bodyPr>
          <a:lstStyle/>
          <a:p>
            <a:r>
              <a:rPr lang="lv-LV" dirty="0">
                <a:latin typeface="Arial" panose="020B0604020202020204" pitchFamily="34" charset="0"/>
                <a:cs typeface="Arial" panose="020B0604020202020204" pitchFamily="34" charset="0"/>
              </a:rPr>
              <a:t>Jādod praktiski uzdevumi!</a:t>
            </a:r>
          </a:p>
        </p:txBody>
      </p:sp>
    </p:spTree>
    <p:extLst>
      <p:ext uri="{BB962C8B-B14F-4D97-AF65-F5344CB8AC3E}">
        <p14:creationId xmlns:p14="http://schemas.microsoft.com/office/powerpoint/2010/main" val="10881971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586508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Nākošie līmeņi</a:t>
            </a:r>
            <a:endParaRPr lang="lv-LV" altLang="lv-LV" sz="2800" b="1" dirty="0">
              <a:latin typeface="Arial" charset="0"/>
            </a:endParaRPr>
          </a:p>
        </p:txBody>
      </p:sp>
      <p:sp>
        <p:nvSpPr>
          <p:cNvPr id="3075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683568" y="2357178"/>
            <a:ext cx="8136904" cy="3124200"/>
          </a:xfrm>
        </p:spPr>
        <p:txBody>
          <a:bodyPr/>
          <a:lstStyle/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Analīze. 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Prot informāciju strukturēt, izvirzīt hipotēzes, analizēt faktus, izdarīt secinājumus, noteikt cēloņus, pierādot izpratni par savstarpējām sakarībām, pamatojot savu viedokli. </a:t>
            </a:r>
            <a:r>
              <a:rPr lang="lv-LV" altLang="lv-LV" sz="2400" b="1" dirty="0">
                <a:solidFill>
                  <a:srgbClr val="C00000"/>
                </a:solidFill>
                <a:latin typeface="Arial" charset="0"/>
              </a:rPr>
              <a:t>Literatūras pārskats …</a:t>
            </a:r>
            <a:endParaRPr lang="lv-LV" altLang="lv-LV" sz="2400" b="1" dirty="0">
              <a:solidFill>
                <a:srgbClr val="000000"/>
              </a:solidFill>
              <a:latin typeface="Arial" charset="0"/>
            </a:endParaRP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Sintēze. 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Prot apkopot informāciju, kombinēt zināšanas jaunos veidos, analizēt sarežģītu situāciju un piedāvāt oriģinālus risinājumus. </a:t>
            </a:r>
            <a:r>
              <a:rPr lang="lv-LV" altLang="lv-LV" sz="2400" b="1" dirty="0">
                <a:solidFill>
                  <a:srgbClr val="C00000"/>
                </a:solidFill>
                <a:latin typeface="Arial" charset="0"/>
              </a:rPr>
              <a:t>Jaunu zināšanu radīšana!</a:t>
            </a:r>
          </a:p>
          <a:p>
            <a:pPr>
              <a:buClr>
                <a:srgbClr val="CC0099"/>
              </a:buClr>
              <a:buFont typeface="Wingdings" pitchFamily="2" charset="2"/>
              <a:buChar char="u"/>
            </a:pPr>
            <a:r>
              <a:rPr lang="lv-LV" altLang="lv-LV" sz="2400" b="1" dirty="0">
                <a:solidFill>
                  <a:srgbClr val="000000"/>
                </a:solidFill>
                <a:latin typeface="Arial" charset="0"/>
              </a:rPr>
              <a:t>Novērtēšana. </a:t>
            </a:r>
            <a:r>
              <a:rPr lang="lv-LV" altLang="lv-LV" sz="2400" dirty="0">
                <a:solidFill>
                  <a:srgbClr val="000000"/>
                </a:solidFill>
                <a:latin typeface="Arial" charset="0"/>
              </a:rPr>
              <a:t>Prot noteikt savu līmeni un turpināt attīstību …</a:t>
            </a: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>
            <p:extLst>
              <p:ext uri="{D42A27DB-BD31-4B8C-83A1-F6EECF244321}">
                <p14:modId xmlns:p14="http://schemas.microsoft.com/office/powerpoint/2010/main" val="2218221817"/>
              </p:ext>
            </p:extLst>
          </p:nvPr>
        </p:nvGraphicFramePr>
        <p:xfrm>
          <a:off x="559237" y="472337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268" name="Document" r:id="rId4" imgW="6925056" imgH="1670304" progId="Word.Document.8">
                  <p:embed/>
                </p:oleObj>
              </mc:Choice>
              <mc:Fallback>
                <p:oleObj name="Document" r:id="rId4" imgW="6925056" imgH="1670304" progId="Word.Document.8">
                  <p:embed/>
                  <p:pic>
                    <p:nvPicPr>
                      <p:cNvPr id="307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9237" y="472337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/>
        </p:nvGraphicFramePr>
        <p:xfrm>
          <a:off x="1187624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2269" name="Document" r:id="rId6" imgW="5485033" imgH="1227394" progId="Word.Document.8">
                  <p:embed/>
                </p:oleObj>
              </mc:Choice>
              <mc:Fallback>
                <p:oleObj name="Document" r:id="rId6" imgW="5485033" imgH="1227394" progId="Word.Document.8">
                  <p:embed/>
                  <p:pic>
                    <p:nvPicPr>
                      <p:cNvPr id="3077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87624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6</a:t>
            </a:fld>
            <a:endParaRPr lang="lv-LV" altLang="lv-LV"/>
          </a:p>
        </p:txBody>
      </p:sp>
    </p:spTree>
    <p:extLst>
      <p:ext uri="{BB962C8B-B14F-4D97-AF65-F5344CB8AC3E}">
        <p14:creationId xmlns:p14="http://schemas.microsoft.com/office/powerpoint/2010/main" val="264123431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2"/>
          <p:cNvSpPr>
            <a:spLocks noGrp="1" noChangeArrowheads="1"/>
          </p:cNvSpPr>
          <p:nvPr>
            <p:ph type="title"/>
          </p:nvPr>
        </p:nvSpPr>
        <p:spPr>
          <a:xfrm>
            <a:off x="685800" y="1586508"/>
            <a:ext cx="7772400" cy="838200"/>
          </a:xfrm>
        </p:spPr>
        <p:txBody>
          <a:bodyPr/>
          <a:lstStyle/>
          <a:p>
            <a:r>
              <a:rPr lang="lv-LV" altLang="lv-LV" sz="2800" b="1" dirty="0">
                <a:solidFill>
                  <a:srgbClr val="CC0099"/>
                </a:solidFill>
                <a:latin typeface="Arial" charset="0"/>
              </a:rPr>
              <a:t>Kurš līmenis trūkst attēlā?</a:t>
            </a:r>
            <a:endParaRPr lang="lv-LV" altLang="lv-LV" sz="2800" b="1" dirty="0">
              <a:latin typeface="Arial" charset="0"/>
            </a:endParaRPr>
          </a:p>
        </p:txBody>
      </p:sp>
      <p:graphicFrame>
        <p:nvGraphicFramePr>
          <p:cNvPr id="3076" name="Object 4"/>
          <p:cNvGraphicFramePr>
            <a:graphicFrameLocks noChangeAspect="1"/>
          </p:cNvGraphicFramePr>
          <p:nvPr/>
        </p:nvGraphicFramePr>
        <p:xfrm>
          <a:off x="559237" y="472337"/>
          <a:ext cx="8001000" cy="16002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3286" name="Document" r:id="rId4" imgW="6925056" imgH="1670304" progId="Word.Document.8">
                  <p:embed/>
                </p:oleObj>
              </mc:Choice>
              <mc:Fallback>
                <p:oleObj name="Document" r:id="rId4" imgW="6925056" imgH="1670304" progId="Word.Document.8">
                  <p:embed/>
                  <p:pic>
                    <p:nvPicPr>
                      <p:cNvPr id="3076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9237" y="472337"/>
                        <a:ext cx="8001000" cy="1600200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chemeClr val="accent1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/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3077" name="Objekts 1"/>
          <p:cNvGraphicFramePr>
            <a:graphicFrameLocks noChangeAspect="1"/>
          </p:cNvGraphicFramePr>
          <p:nvPr/>
        </p:nvGraphicFramePr>
        <p:xfrm>
          <a:off x="1187624" y="6109520"/>
          <a:ext cx="6744227" cy="1496959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3287" name="Document" r:id="rId6" imgW="5485033" imgH="1227394" progId="Word.Document.8">
                  <p:embed/>
                </p:oleObj>
              </mc:Choice>
              <mc:Fallback>
                <p:oleObj name="Document" r:id="rId6" imgW="5485033" imgH="1227394" progId="Word.Document.8">
                  <p:embed/>
                  <p:pic>
                    <p:nvPicPr>
                      <p:cNvPr id="3077" name="Objekts 1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/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187624" y="6109520"/>
                        <a:ext cx="6744227" cy="1496959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</p:spPr>
                  </p:pic>
                </p:oleObj>
              </mc:Fallback>
            </mc:AlternateContent>
          </a:graphicData>
        </a:graphic>
      </p:graphicFrame>
      <p:sp>
        <p:nvSpPr>
          <p:cNvPr id="2" name="Slaida numura vietturis 1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7</a:t>
            </a:fld>
            <a:endParaRPr lang="lv-LV" altLang="lv-LV"/>
          </a:p>
        </p:txBody>
      </p:sp>
      <p:pic>
        <p:nvPicPr>
          <p:cNvPr id="3" name="Attēls 2">
            <a:extLst>
              <a:ext uri="{FF2B5EF4-FFF2-40B4-BE49-F238E27FC236}">
                <a16:creationId xmlns:a16="http://schemas.microsoft.com/office/drawing/2014/main" id="{00DD8292-5799-4A57-92E4-2F89990968FE}"/>
              </a:ext>
            </a:extLst>
          </p:cNvPr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1812023" y="2424707"/>
            <a:ext cx="5856321" cy="357068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91873466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2"/>
          <p:cNvSpPr>
            <a:spLocks noGrp="1" noChangeArrowheads="1"/>
          </p:cNvSpPr>
          <p:nvPr>
            <p:ph type="title"/>
          </p:nvPr>
        </p:nvSpPr>
        <p:spPr>
          <a:xfrm>
            <a:off x="0" y="0"/>
            <a:ext cx="9144000" cy="692150"/>
          </a:xfrm>
        </p:spPr>
        <p:txBody>
          <a:bodyPr/>
          <a:lstStyle/>
          <a:p>
            <a:pPr eaLnBrk="1" hangingPunct="1"/>
            <a:r>
              <a:rPr lang="lv-LV" altLang="lv-LV" sz="2800" dirty="0"/>
              <a:t>Ekrāni ir visapkārt – dažādās dzīves situācijās</a:t>
            </a:r>
            <a:endParaRPr lang="en-GB" altLang="lv-LV" sz="2800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25155" y="805757"/>
            <a:ext cx="4525981" cy="3232843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834016" y="812684"/>
            <a:ext cx="4157584" cy="2768716"/>
          </a:xfrm>
          <a:prstGeom prst="rect">
            <a:avLst/>
          </a:prstGeom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3855" y="4191000"/>
            <a:ext cx="4507281" cy="2524077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803536" y="3756031"/>
            <a:ext cx="4180477" cy="3035293"/>
          </a:xfrm>
          <a:prstGeom prst="rect">
            <a:avLst/>
          </a:prstGeom>
        </p:spPr>
      </p:pic>
      <p:sp>
        <p:nvSpPr>
          <p:cNvPr id="3" name="Slaida numura vietturis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8</a:t>
            </a:fld>
            <a:endParaRPr lang="lv-LV" altLang="lv-LV"/>
          </a:p>
        </p:txBody>
      </p:sp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338" name="Picture 2" descr="Infographic: People Spend More Time Looking at Screens Than Ever | Statista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2752" y="744932"/>
            <a:ext cx="8785225" cy="60928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4339" name="Title 1"/>
          <p:cNvSpPr txBox="1">
            <a:spLocks/>
          </p:cNvSpPr>
          <p:nvPr/>
        </p:nvSpPr>
        <p:spPr bwMode="auto">
          <a:xfrm>
            <a:off x="34925" y="44450"/>
            <a:ext cx="9001125" cy="6048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ctr"/>
          <a:lstStyle/>
          <a:p>
            <a:pPr defTabSz="685800" eaLnBrk="1" hangingPunct="1">
              <a:lnSpc>
                <a:spcPct val="90000"/>
              </a:lnSpc>
            </a:pPr>
            <a:r>
              <a:rPr lang="lv-LV" altLang="lv-LV" sz="2800" dirty="0">
                <a:latin typeface="Calibri Light" pitchFamily="34" charset="0"/>
              </a:rPr>
              <a:t>No Bruno </a:t>
            </a:r>
            <a:r>
              <a:rPr lang="lv-LV" altLang="lv-LV" sz="2800" dirty="0" err="1">
                <a:latin typeface="Calibri Light" pitchFamily="34" charset="0"/>
              </a:rPr>
              <a:t>Žuga</a:t>
            </a:r>
            <a:r>
              <a:rPr lang="lv-LV" altLang="lv-LV" sz="2800" dirty="0">
                <a:latin typeface="Calibri Light" pitchFamily="34" charset="0"/>
              </a:rPr>
              <a:t>: Cilvēki lūkojas ekrānos arvien vairāk </a:t>
            </a:r>
            <a:br>
              <a:rPr lang="lv-LV" altLang="lv-LV" sz="2800" dirty="0">
                <a:latin typeface="Calibri Light" pitchFamily="34" charset="0"/>
              </a:rPr>
            </a:br>
            <a:r>
              <a:rPr lang="lv-LV" altLang="lv-LV" sz="2800" dirty="0">
                <a:latin typeface="Calibri Light" pitchFamily="34" charset="0"/>
              </a:rPr>
              <a:t>                                   - divu gadu salīdzinājums (ASV)</a:t>
            </a:r>
          </a:p>
        </p:txBody>
      </p:sp>
      <p:sp>
        <p:nvSpPr>
          <p:cNvPr id="2" name="TextBox 1"/>
          <p:cNvSpPr txBox="1"/>
          <p:nvPr/>
        </p:nvSpPr>
        <p:spPr>
          <a:xfrm>
            <a:off x="2251760" y="1806079"/>
            <a:ext cx="3168352" cy="461665"/>
          </a:xfrm>
          <a:prstGeom prst="rect">
            <a:avLst/>
          </a:prstGeom>
          <a:solidFill>
            <a:srgbClr val="FFFF00"/>
          </a:solidFill>
        </p:spPr>
        <p:txBody>
          <a:bodyPr wrap="square" rtlCol="0">
            <a:spAutoFit/>
          </a:bodyPr>
          <a:lstStyle/>
          <a:p>
            <a:r>
              <a:rPr lang="lv-LV" b="1" dirty="0">
                <a:solidFill>
                  <a:srgbClr val="000000"/>
                </a:solidFill>
                <a:latin typeface="Arial" charset="0"/>
              </a:rPr>
              <a:t>Viss vienā ierīcē!</a:t>
            </a:r>
          </a:p>
        </p:txBody>
      </p:sp>
      <p:cxnSp>
        <p:nvCxnSpPr>
          <p:cNvPr id="4" name="Taisns bultveida savienotājs 3"/>
          <p:cNvCxnSpPr/>
          <p:nvPr/>
        </p:nvCxnSpPr>
        <p:spPr bwMode="auto">
          <a:xfrm flipH="1">
            <a:off x="1331640" y="2132856"/>
            <a:ext cx="920120" cy="864096"/>
          </a:xfrm>
          <a:prstGeom prst="straightConnector1">
            <a:avLst/>
          </a:prstGeom>
          <a:solidFill>
            <a:schemeClr val="accent1"/>
          </a:solidFill>
          <a:ln w="31750" cap="flat" cmpd="sng" algn="ctr">
            <a:solidFill>
              <a:schemeClr val="tx1"/>
            </a:solidFill>
            <a:prstDash val="solid"/>
            <a:round/>
            <a:headEnd type="none" w="med" len="med"/>
            <a:tailEnd type="arrow"/>
          </a:ln>
          <a:effectLst/>
          <a:extLs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cxnSp>
      <p:sp>
        <p:nvSpPr>
          <p:cNvPr id="3" name="Slaida numura vietturis 2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308B6E9-7248-481D-AEED-2832FA8160B5}" type="slidenum">
              <a:rPr lang="lv-LV" altLang="lv-LV" smtClean="0"/>
              <a:pPr>
                <a:defRPr/>
              </a:pPr>
              <a:t>9</a:t>
            </a:fld>
            <a:endParaRPr lang="lv-LV" altLang="lv-LV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theme/theme1.xml><?xml version="1.0" encoding="utf-8"?>
<a:theme xmlns:a="http://schemas.openxmlformats.org/drawingml/2006/main" name="Default Design">
  <a:themeElements>
    <a:clrScheme name="Default Design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Default Design">
      <a:majorFont>
        <a:latin typeface="Times New Roman"/>
        <a:ea typeface=""/>
        <a:cs typeface=""/>
      </a:majorFont>
      <a:minorFont>
        <a:latin typeface="Times New Roman"/>
        <a:ea typeface=""/>
        <a:cs typeface=""/>
      </a:minorFont>
    </a:fontScheme>
    <a:fmtScheme name="Iestād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triangl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ctr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lv-LV" altLang="lv-LV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itchFamily="18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triangle" w="med" len="med"/>
        </a:ln>
        <a:effectLst/>
        <a:extLs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ctr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lv-LV" altLang="lv-LV" sz="2400" b="0" i="0" u="none" strike="noStrike" cap="none" normalizeH="0" baseline="0" smtClean="0">
            <a:ln>
              <a:noFill/>
            </a:ln>
            <a:solidFill>
              <a:schemeClr val="tx1"/>
            </a:solidFill>
            <a:effectLst/>
            <a:latin typeface="Times New Roman" pitchFamily="18" charset="0"/>
          </a:defRPr>
        </a:defPPr>
      </a:lstStyle>
    </a:lnDef>
  </a:objectDefaults>
  <a:extraClrSchemeLst>
    <a:extraClrScheme>
      <a:clrScheme name="Default Design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 tēma">
  <a:themeElements>
    <a:clrScheme name="Iestād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Iestād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Iestād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391</TotalTime>
  <Words>1252</Words>
  <Application>Microsoft Office PowerPoint</Application>
  <PresentationFormat>Slaidrāde ekrānā (4:3)</PresentationFormat>
  <Paragraphs>207</Paragraphs>
  <Slides>31</Slides>
  <Notes>9</Notes>
  <HiddenSlides>0</HiddenSlides>
  <MMClips>0</MMClips>
  <ScaleCrop>false</ScaleCrop>
  <HeadingPairs>
    <vt:vector size="8" baseType="variant">
      <vt:variant>
        <vt:lpstr>Lietotie fonti</vt:lpstr>
      </vt:variant>
      <vt:variant>
        <vt:i4>8</vt:i4>
      </vt:variant>
      <vt:variant>
        <vt:lpstr>Dizains</vt:lpstr>
      </vt:variant>
      <vt:variant>
        <vt:i4>1</vt:i4>
      </vt:variant>
      <vt:variant>
        <vt:lpstr>Iegulti OLE serveri</vt:lpstr>
      </vt:variant>
      <vt:variant>
        <vt:i4>1</vt:i4>
      </vt:variant>
      <vt:variant>
        <vt:lpstr>Slaidu virsraksti</vt:lpstr>
      </vt:variant>
      <vt:variant>
        <vt:i4>31</vt:i4>
      </vt:variant>
    </vt:vector>
  </HeadingPairs>
  <TitlesOfParts>
    <vt:vector size="41" baseType="lpstr">
      <vt:lpstr>Arial</vt:lpstr>
      <vt:lpstr>Arial Alx Win95</vt:lpstr>
      <vt:lpstr>Calibri</vt:lpstr>
      <vt:lpstr>Calibri Light</vt:lpstr>
      <vt:lpstr>Tahoma</vt:lpstr>
      <vt:lpstr>Times New Roman</vt:lpstr>
      <vt:lpstr>Verdana</vt:lpstr>
      <vt:lpstr>Wingdings</vt:lpstr>
      <vt:lpstr>Default Design</vt:lpstr>
      <vt:lpstr>Document</vt:lpstr>
      <vt:lpstr>   Tālmācības metodika  Ieteikumi attālinātā studiju procesa organizēšanai   </vt:lpstr>
      <vt:lpstr>Plāns</vt:lpstr>
      <vt:lpstr>Blūma taksonomija – kā cilvēks mācās?</vt:lpstr>
      <vt:lpstr>Pirmie 3 līmeņi</vt:lpstr>
      <vt:lpstr>Pirmie 3 līmeņi</vt:lpstr>
      <vt:lpstr>Nākošie līmeņi</vt:lpstr>
      <vt:lpstr>Kurš līmenis trūkst attēlā?</vt:lpstr>
      <vt:lpstr>Ekrāni ir visapkārt – dažādās dzīves situācijās</vt:lpstr>
      <vt:lpstr>PowerPoint prezentācija</vt:lpstr>
      <vt:lpstr>PowerPoint prezentācija</vt:lpstr>
      <vt:lpstr>Daudz jaunu nesaprotamu terminu </vt:lpstr>
      <vt:lpstr>Tālmācības un e-studiju būtība</vt:lpstr>
      <vt:lpstr>Mācību slodze</vt:lpstr>
      <vt:lpstr>Tālmācības un e-studiju principi – no mācīšanas un mācīšanos!</vt:lpstr>
      <vt:lpstr>PowerPoint prezentācija</vt:lpstr>
      <vt:lpstr>PowerPoint prezentācija</vt:lpstr>
      <vt:lpstr>Mācību realizācijas principi</vt:lpstr>
      <vt:lpstr>Pārbaudījumi – elektroniski vai uz papīra?</vt:lpstr>
      <vt:lpstr>PowerPoint prezentācija</vt:lpstr>
      <vt:lpstr>Svarīgas lietas</vt:lpstr>
      <vt:lpstr>PowerPoint prezentācija</vt:lpstr>
      <vt:lpstr>PowerPoint prezentācija</vt:lpstr>
      <vt:lpstr>3 mijiedarbības</vt:lpstr>
      <vt:lpstr>Students – studiju materiāli</vt:lpstr>
      <vt:lpstr>Pasniedzējs - students</vt:lpstr>
      <vt:lpstr>Students - students</vt:lpstr>
      <vt:lpstr>Noslēgums</vt:lpstr>
      <vt:lpstr>Jautājumi ?</vt:lpstr>
      <vt:lpstr>Par mācību metodiku LV</vt:lpstr>
      <vt:lpstr>Par tehnoloģijām</vt:lpstr>
      <vt:lpstr>Vēl citi materiāli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   RTU seminārs  </dc:title>
  <dc:creator>Ilmārs Slaidiņš</dc:creator>
  <cp:lastModifiedBy>Ilmārs Slaidiņš</cp:lastModifiedBy>
  <cp:revision>39</cp:revision>
  <dcterms:created xsi:type="dcterms:W3CDTF">2020-03-24T06:10:24Z</dcterms:created>
  <dcterms:modified xsi:type="dcterms:W3CDTF">2020-03-26T06:46:05Z</dcterms:modified>
</cp:coreProperties>
</file>